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7"/>
  </p:notesMasterIdLst>
  <p:sldIdLst>
    <p:sldId id="256" r:id="rId2"/>
    <p:sldId id="257" r:id="rId3"/>
    <p:sldId id="289" r:id="rId4"/>
    <p:sldId id="308" r:id="rId5"/>
    <p:sldId id="294" r:id="rId6"/>
    <p:sldId id="296" r:id="rId7"/>
    <p:sldId id="297" r:id="rId8"/>
    <p:sldId id="298" r:id="rId9"/>
    <p:sldId id="301" r:id="rId10"/>
    <p:sldId id="302" r:id="rId11"/>
    <p:sldId id="303" r:id="rId12"/>
    <p:sldId id="305" r:id="rId13"/>
    <p:sldId id="306" r:id="rId14"/>
    <p:sldId id="307" r:id="rId15"/>
    <p:sldId id="266" r:id="rId16"/>
  </p:sldIdLst>
  <p:sldSz cx="12192000" cy="6858000"/>
  <p:notesSz cx="6858000" cy="9144000"/>
  <p:embeddedFontLs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Fira Sans Extra Condensed Medium" panose="020B0604020202020204" charset="0"/>
      <p:regular r:id="rId22"/>
      <p:bold r:id="rId23"/>
      <p:italic r:id="rId24"/>
      <p:boldItalic r:id="rId25"/>
    </p:embeddedFont>
    <p:embeddedFont>
      <p:font typeface="Merriweather Sans" pitchFamily="2" charset="0"/>
      <p:regular r:id="rId26"/>
      <p:bold r:id="rId27"/>
      <p:italic r:id="rId28"/>
      <p:boldItalic r:id="rId29"/>
    </p:embeddedFont>
    <p:embeddedFont>
      <p:font typeface="Montserrat" panose="00000500000000000000" pitchFamily="2" charset="0"/>
      <p:regular r:id="rId30"/>
      <p:bold r:id="rId31"/>
      <p:italic r:id="rId32"/>
      <p:boldItalic r:id="rId33"/>
    </p:embeddedFont>
    <p:embeddedFont>
      <p:font typeface="Montserrat Medium" panose="00000600000000000000" pitchFamily="2" charset="0"/>
      <p:regular r:id="rId34"/>
      <p:bold r:id="rId35"/>
      <p:italic r:id="rId36"/>
      <p:boldItalic r:id="rId37"/>
    </p:embeddedFont>
    <p:embeddedFont>
      <p:font typeface="Open Sans" panose="020B0606030504020204" pitchFamily="34" charset="0"/>
      <p:regular r:id="rId38"/>
      <p:bold r:id="rId39"/>
      <p:italic r:id="rId40"/>
      <p:boldItalic r:id="rId41"/>
    </p:embeddedFont>
    <p:embeddedFont>
      <p:font typeface="Roboto" panose="02000000000000000000" pitchFamily="2" charset="0"/>
      <p:regular r:id="rId42"/>
      <p:bold r:id="rId43"/>
      <p:italic r:id="rId44"/>
      <p:boldItalic r:id="rId45"/>
    </p:embeddedFont>
    <p:embeddedFont>
      <p:font typeface="Verdana" panose="020B0604030504040204" pitchFamily="34" charset="0"/>
      <p:regular r:id="rId46"/>
      <p:bold r:id="rId47"/>
      <p:italic r:id="rId48"/>
      <p:boldItalic r:id="rId49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GoogleSlidesCustomDataVersion2">
      <go:slidesCustomData xmlns="" xmlns:mc="http://schemas.openxmlformats.org/markup-compatibility/2006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4="http://schemas.microsoft.com/office/powerpoint/2010/main" xmlns:p15="http://schemas.microsoft.com/office/powerpoint/2012/main" xmlns:ahyp="http://schemas.microsoft.com/office/drawing/2018/hyperlinkcolor" xmlns:go="http://customooxmlschemas.google.com/" r:id="rId50" roundtripDataSignature="AMtx7mgzBJLxcvjvx6joxQV1xTs+4JFvOQ==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D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487C13AC-C4EB-4B75-A16E-F28B5C2F6171}">
  <a:tblStyle styleId="{487C13AC-C4EB-4B75-A16E-F28B5C2F6171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>
        <p:scale>
          <a:sx n="80" d="100"/>
          <a:sy n="80" d="100"/>
        </p:scale>
        <p:origin x="528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9" Type="http://schemas.openxmlformats.org/officeDocument/2006/relationships/font" Target="fonts/font22.fntdata"/><Relationship Id="rId21" Type="http://schemas.openxmlformats.org/officeDocument/2006/relationships/font" Target="fonts/font4.fntdata"/><Relationship Id="rId34" Type="http://schemas.openxmlformats.org/officeDocument/2006/relationships/font" Target="fonts/font17.fntdata"/><Relationship Id="rId42" Type="http://schemas.openxmlformats.org/officeDocument/2006/relationships/font" Target="fonts/font25.fntdata"/><Relationship Id="rId47" Type="http://schemas.openxmlformats.org/officeDocument/2006/relationships/font" Target="fonts/font30.fntdata"/><Relationship Id="rId50" Type="http://customschemas.google.com/relationships/presentationmetadata" Target="meta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12.fntdata"/><Relationship Id="rId11" Type="http://schemas.openxmlformats.org/officeDocument/2006/relationships/slide" Target="slides/slide10.xml"/><Relationship Id="rId24" Type="http://schemas.openxmlformats.org/officeDocument/2006/relationships/font" Target="fonts/font7.fntdata"/><Relationship Id="rId32" Type="http://schemas.openxmlformats.org/officeDocument/2006/relationships/font" Target="fonts/font15.fntdata"/><Relationship Id="rId37" Type="http://schemas.openxmlformats.org/officeDocument/2006/relationships/font" Target="fonts/font20.fntdata"/><Relationship Id="rId40" Type="http://schemas.openxmlformats.org/officeDocument/2006/relationships/font" Target="fonts/font23.fntdata"/><Relationship Id="rId45" Type="http://schemas.openxmlformats.org/officeDocument/2006/relationships/font" Target="fonts/font28.fntdata"/><Relationship Id="rId53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31" Type="http://schemas.openxmlformats.org/officeDocument/2006/relationships/font" Target="fonts/font14.fntdata"/><Relationship Id="rId44" Type="http://schemas.openxmlformats.org/officeDocument/2006/relationships/font" Target="fonts/font27.fntdata"/><Relationship Id="rId52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font" Target="fonts/font13.fntdata"/><Relationship Id="rId35" Type="http://schemas.openxmlformats.org/officeDocument/2006/relationships/font" Target="fonts/font18.fntdata"/><Relationship Id="rId43" Type="http://schemas.openxmlformats.org/officeDocument/2006/relationships/font" Target="fonts/font26.fntdata"/><Relationship Id="rId48" Type="http://schemas.openxmlformats.org/officeDocument/2006/relationships/font" Target="fonts/font31.fntdata"/><Relationship Id="rId8" Type="http://schemas.openxmlformats.org/officeDocument/2006/relationships/slide" Target="slides/slide7.xml"/><Relationship Id="rId51" Type="http://schemas.openxmlformats.org/officeDocument/2006/relationships/presProps" Target="pres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8.fntdata"/><Relationship Id="rId33" Type="http://schemas.openxmlformats.org/officeDocument/2006/relationships/font" Target="fonts/font16.fntdata"/><Relationship Id="rId38" Type="http://schemas.openxmlformats.org/officeDocument/2006/relationships/font" Target="fonts/font21.fntdata"/><Relationship Id="rId46" Type="http://schemas.openxmlformats.org/officeDocument/2006/relationships/font" Target="fonts/font29.fntdata"/><Relationship Id="rId20" Type="http://schemas.openxmlformats.org/officeDocument/2006/relationships/font" Target="fonts/font3.fntdata"/><Relationship Id="rId41" Type="http://schemas.openxmlformats.org/officeDocument/2006/relationships/font" Target="fonts/font24.fntdata"/><Relationship Id="rId54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font" Target="fonts/font6.fntdata"/><Relationship Id="rId28" Type="http://schemas.openxmlformats.org/officeDocument/2006/relationships/font" Target="fonts/font11.fntdata"/><Relationship Id="rId36" Type="http://schemas.openxmlformats.org/officeDocument/2006/relationships/font" Target="fonts/font19.fntdata"/><Relationship Id="rId49" Type="http://schemas.openxmlformats.org/officeDocument/2006/relationships/font" Target="fonts/font32.fntdata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Google Shape;84;p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85" name="Google Shape;85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7" name="Google Shape;227;p35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228" name="Google Shape;228;p35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Vertical Title and Text" userDrawn="1">
  <p:cSld name="1_Vertical Title and Text">
    <p:spTree>
      <p:nvGrpSpPr>
        <p:cNvPr id="1" name="Shape 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90F13E69-CB14-9187-6460-E802780AAC93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800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  <p:sp>
        <p:nvSpPr>
          <p:cNvPr id="3" name="Google Shape;11;p38">
            <a:extLst>
              <a:ext uri="{FF2B5EF4-FFF2-40B4-BE49-F238E27FC236}">
                <a16:creationId xmlns:a16="http://schemas.microsoft.com/office/drawing/2014/main" id="{A8FFA602-AB20-78D1-ED2C-24B9CEE2B061}"/>
              </a:ext>
            </a:extLst>
          </p:cNvPr>
          <p:cNvSpPr txBox="1">
            <a:spLocks noGrp="1"/>
          </p:cNvSpPr>
          <p:nvPr>
            <p:ph idx="1"/>
          </p:nvPr>
        </p:nvSpPr>
        <p:spPr>
          <a:xfrm>
            <a:off x="535709" y="832043"/>
            <a:ext cx="11111346" cy="53449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Vertical Text" type="vertTx">
  <p:cSld name="VERTICAL_TEXT">
    <p:spTree>
      <p:nvGrpSpPr>
        <p:cNvPr id="1" name="Shape 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Google Shape;72;p74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3" name="Google Shape;73;p74"/>
          <p:cNvSpPr txBox="1">
            <a:spLocks noGrp="1"/>
          </p:cNvSpPr>
          <p:nvPr>
            <p:ph type="body" idx="1"/>
          </p:nvPr>
        </p:nvSpPr>
        <p:spPr>
          <a:xfrm rot="5400000">
            <a:off x="3920331" y="-1256506"/>
            <a:ext cx="4351338" cy="1051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74" name="Google Shape;74;p74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5" name="Google Shape;75;p74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6" name="Google Shape;76;p74"/>
          <p:cNvSpPr txBox="1">
            <a:spLocks noGrp="1"/>
          </p:cNvSpPr>
          <p:nvPr>
            <p:ph type="sldNum" idx="12"/>
          </p:nvPr>
        </p:nvSpPr>
        <p:spPr>
          <a:xfrm>
            <a:off x="9448800" y="6476134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Vertical Title and Text" type="vertTitleAndTx">
  <p:cSld name="VERTICAL_TITLE_AND_VERTICAL_TEXT">
    <p:spTree>
      <p:nvGrpSpPr>
        <p:cNvPr id="1" name="Shape 7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Google Shape;78;p75"/>
          <p:cNvSpPr txBox="1">
            <a:spLocks noGrp="1"/>
          </p:cNvSpPr>
          <p:nvPr>
            <p:ph type="title"/>
          </p:nvPr>
        </p:nvSpPr>
        <p:spPr>
          <a:xfrm rot="5400000">
            <a:off x="7133431" y="1956594"/>
            <a:ext cx="5811838" cy="2628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9" name="Google Shape;79;p75"/>
          <p:cNvSpPr txBox="1">
            <a:spLocks noGrp="1"/>
          </p:cNvSpPr>
          <p:nvPr>
            <p:ph type="body" idx="1"/>
          </p:nvPr>
        </p:nvSpPr>
        <p:spPr>
          <a:xfrm rot="5400000">
            <a:off x="1799431" y="-596106"/>
            <a:ext cx="5811838" cy="7734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80" name="Google Shape;80;p7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1" name="Google Shape;81;p7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2" name="Google Shape;82;p75"/>
          <p:cNvSpPr txBox="1">
            <a:spLocks noGrp="1"/>
          </p:cNvSpPr>
          <p:nvPr>
            <p:ph type="sldNum" idx="12"/>
          </p:nvPr>
        </p:nvSpPr>
        <p:spPr>
          <a:xfrm>
            <a:off x="9448800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EFAD74-FF52-4A19-B8D9-BB0F88417FBB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AC82B07-9535-4A9C-AD4F-45728BBB02FD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EBE92F-0812-434A-B3FB-3EE4BE5FF5F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61012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Google Shape;25;p6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ctr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6" name="Google Shape;26;p6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lvl="0" algn="ctr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/>
            </a:lvl1pPr>
            <a:lvl2pPr lvl="1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/>
            </a:lvl2pPr>
            <a:lvl3pPr lvl="2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/>
            </a:lvl3pPr>
            <a:lvl4pPr lvl="3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4pPr>
            <a:lvl5pPr lvl="4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5pPr>
            <a:lvl6pPr lvl="5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6pPr>
            <a:lvl7pPr lvl="6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7pPr>
            <a:lvl8pPr lvl="7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8pPr>
            <a:lvl9pPr lvl="8" algn="ctr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9pPr>
          </a:lstStyle>
          <a:p>
            <a:endParaRPr/>
          </a:p>
        </p:txBody>
      </p:sp>
      <p:sp>
        <p:nvSpPr>
          <p:cNvPr id="27" name="Google Shape;27;p6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8" name="Google Shape;28;p6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9" name="Google Shape;29;p65"/>
          <p:cNvSpPr txBox="1">
            <a:spLocks noGrp="1"/>
          </p:cNvSpPr>
          <p:nvPr>
            <p:ph type="sldNum" idx="12"/>
          </p:nvPr>
        </p:nvSpPr>
        <p:spPr>
          <a:xfrm>
            <a:off x="9448800" y="651308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Google Shape;31;p67"/>
          <p:cNvSpPr txBox="1"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2" name="Google Shape;32;p67"/>
          <p:cNvSpPr txBox="1"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888888"/>
              </a:buClr>
              <a:buSzPts val="2400"/>
              <a:buNone/>
              <a:defRPr sz="2400">
                <a:solidFill>
                  <a:srgbClr val="888888"/>
                </a:solidFill>
              </a:defRPr>
            </a:lvl1pPr>
            <a:lvl2pPr marL="914400" lvl="1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 sz="2000">
                <a:solidFill>
                  <a:srgbClr val="888888"/>
                </a:solidFill>
              </a:defRPr>
            </a:lvl2pPr>
            <a:lvl3pPr marL="1371600" lvl="2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800"/>
              <a:buNone/>
              <a:defRPr sz="1800">
                <a:solidFill>
                  <a:srgbClr val="888888"/>
                </a:solidFill>
              </a:defRPr>
            </a:lvl3pPr>
            <a:lvl4pPr marL="1828800" lvl="3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4pPr>
            <a:lvl5pPr marL="2286000" lvl="4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5pPr>
            <a:lvl6pPr marL="2743200" lvl="5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6pPr>
            <a:lvl7pPr marL="3200400" lvl="6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7pPr>
            <a:lvl8pPr marL="3657600" lvl="7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8pPr>
            <a:lvl9pPr marL="4114800" lvl="8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9pPr>
          </a:lstStyle>
          <a:p>
            <a:endParaRPr/>
          </a:p>
        </p:txBody>
      </p:sp>
      <p:sp>
        <p:nvSpPr>
          <p:cNvPr id="33" name="Google Shape;33;p67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4" name="Google Shape;34;p67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5" name="Google Shape;35;p67"/>
          <p:cNvSpPr txBox="1">
            <a:spLocks noGrp="1"/>
          </p:cNvSpPr>
          <p:nvPr>
            <p:ph type="sldNum" idx="12"/>
          </p:nvPr>
        </p:nvSpPr>
        <p:spPr>
          <a:xfrm>
            <a:off x="9448800" y="64853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ntent" type="twoObj">
  <p:cSld name="TWO_OBJECTS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p68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8" name="Google Shape;38;p68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9" name="Google Shape;39;p68"/>
          <p:cNvSpPr txBox="1">
            <a:spLocks noGrp="1"/>
          </p:cNvSpPr>
          <p:nvPr>
            <p:ph type="body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0" name="Google Shape;40;p68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1" name="Google Shape;41;p68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2" name="Google Shape;42;p68"/>
          <p:cNvSpPr txBox="1">
            <a:spLocks noGrp="1"/>
          </p:cNvSpPr>
          <p:nvPr>
            <p:ph type="sldNum" idx="12"/>
          </p:nvPr>
        </p:nvSpPr>
        <p:spPr>
          <a:xfrm>
            <a:off x="9448800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mparison" type="twoTxTwoObj">
  <p:cSld name="TWO_OBJECTS_WITH_TEXT">
    <p:spTree>
      <p:nvGrpSpPr>
        <p:cNvPr id="1" name="Shape 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Google Shape;44;p69"/>
          <p:cNvSpPr txBox="1"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5" name="Google Shape;45;p69"/>
          <p:cNvSpPr txBox="1"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46" name="Google Shape;46;p69"/>
          <p:cNvSpPr txBox="1">
            <a:spLocks noGrp="1"/>
          </p:cNvSpPr>
          <p:nvPr>
            <p:ph type="body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7" name="Google Shape;47;p69"/>
          <p:cNvSpPr txBox="1">
            <a:spLocks noGrp="1"/>
          </p:cNvSpPr>
          <p:nvPr>
            <p:ph type="body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48" name="Google Shape;48;p69"/>
          <p:cNvSpPr txBox="1">
            <a:spLocks noGrp="1"/>
          </p:cNvSpPr>
          <p:nvPr>
            <p:ph type="body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9" name="Google Shape;49;p69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0" name="Google Shape;50;p69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1" name="Google Shape;51;p69"/>
          <p:cNvSpPr txBox="1">
            <a:spLocks noGrp="1"/>
          </p:cNvSpPr>
          <p:nvPr>
            <p:ph type="sldNum" idx="12"/>
          </p:nvPr>
        </p:nvSpPr>
        <p:spPr>
          <a:xfrm>
            <a:off x="9448800" y="64853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_ONLY">
    <p:spTree>
      <p:nvGrpSpPr>
        <p:cNvPr id="1" name="Shape 5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Google Shape;53;p70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4" name="Google Shape;54;p70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5" name="Google Shape;55;p70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6" name="Google Shape;56;p70"/>
          <p:cNvSpPr txBox="1">
            <a:spLocks noGrp="1"/>
          </p:cNvSpPr>
          <p:nvPr>
            <p:ph type="sldNum" idx="12"/>
          </p:nvPr>
        </p:nvSpPr>
        <p:spPr>
          <a:xfrm>
            <a:off x="9448800" y="6457661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 with Caption" type="objTx">
  <p:cSld name="OBJECT_WITH_CAPTION_TEXT">
    <p:spTree>
      <p:nvGrpSpPr>
        <p:cNvPr id="1" name="Shape 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Google Shape;58;p72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9" name="Google Shape;59;p72"/>
          <p:cNvSpPr txBox="1">
            <a:spLocks noGrp="1"/>
          </p:cNvSpPr>
          <p:nvPr>
            <p:ph type="body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4318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3200"/>
              <a:buChar char="•"/>
              <a:defRPr sz="3200"/>
            </a:lvl1pPr>
            <a:lvl2pPr marL="914400" lvl="1" indent="-4064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800"/>
              <a:buChar char="•"/>
              <a:defRPr sz="2800"/>
            </a:lvl2pPr>
            <a:lvl3pPr marL="1371600" lvl="2" indent="-381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Char char="•"/>
              <a:defRPr sz="2400"/>
            </a:lvl3pPr>
            <a:lvl4pPr marL="1828800" lvl="3" indent="-355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4pPr>
            <a:lvl5pPr marL="2286000" lvl="4" indent="-355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5pPr>
            <a:lvl6pPr marL="2743200" lvl="5" indent="-355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6pPr>
            <a:lvl7pPr marL="3200400" lvl="6" indent="-355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7pPr>
            <a:lvl8pPr marL="3657600" lvl="7" indent="-355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8pPr>
            <a:lvl9pPr marL="4114800" lvl="8" indent="-355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9pPr>
          </a:lstStyle>
          <a:p>
            <a:endParaRPr/>
          </a:p>
        </p:txBody>
      </p:sp>
      <p:sp>
        <p:nvSpPr>
          <p:cNvPr id="60" name="Google Shape;60;p72"/>
          <p:cNvSpPr txBox="1">
            <a:spLocks noGrp="1"/>
          </p:cNvSpPr>
          <p:nvPr>
            <p:ph type="body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1pPr>
            <a:lvl2pPr marL="914400" lvl="1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2pPr>
            <a:lvl3pPr marL="1371600" lvl="2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marL="1828800" lvl="3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4pPr>
            <a:lvl5pPr marL="2286000" lvl="4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5pPr>
            <a:lvl6pPr marL="2743200" lvl="5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6pPr>
            <a:lvl7pPr marL="3200400" lvl="6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7pPr>
            <a:lvl8pPr marL="3657600" lvl="7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8pPr>
            <a:lvl9pPr marL="4114800" lvl="8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9pPr>
          </a:lstStyle>
          <a:p>
            <a:endParaRPr/>
          </a:p>
        </p:txBody>
      </p:sp>
      <p:sp>
        <p:nvSpPr>
          <p:cNvPr id="61" name="Google Shape;61;p7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2" name="Google Shape;62;p7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3" name="Google Shape;63;p72"/>
          <p:cNvSpPr txBox="1">
            <a:spLocks noGrp="1"/>
          </p:cNvSpPr>
          <p:nvPr>
            <p:ph type="sldNum" idx="12"/>
          </p:nvPr>
        </p:nvSpPr>
        <p:spPr>
          <a:xfrm>
            <a:off x="9448800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Picture with Caption" type="picTx">
  <p:cSld name="PICTURE_WITH_CAPTION_TEXT">
    <p:spTree>
      <p:nvGrpSpPr>
        <p:cNvPr id="1" name="Shape 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Google Shape;65;p73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6" name="Google Shape;66;p73"/>
          <p:cNvSpPr>
            <a:spLocks noGrp="1"/>
          </p:cNvSpPr>
          <p:nvPr>
            <p:ph type="pic" idx="2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  <a:noFill/>
          <a:ln>
            <a:noFill/>
          </a:ln>
        </p:spPr>
      </p:sp>
      <p:sp>
        <p:nvSpPr>
          <p:cNvPr id="67" name="Google Shape;67;p73"/>
          <p:cNvSpPr txBox="1">
            <a:spLocks noGrp="1"/>
          </p:cNvSpPr>
          <p:nvPr>
            <p:ph type="body" idx="1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1pPr>
            <a:lvl2pPr marL="914400" lvl="1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2pPr>
            <a:lvl3pPr marL="1371600" lvl="2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marL="1828800" lvl="3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4pPr>
            <a:lvl5pPr marL="2286000" lvl="4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5pPr>
            <a:lvl6pPr marL="2743200" lvl="5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6pPr>
            <a:lvl7pPr marL="3200400" lvl="6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7pPr>
            <a:lvl8pPr marL="3657600" lvl="7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8pPr>
            <a:lvl9pPr marL="4114800" lvl="8" indent="-2286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9pPr>
          </a:lstStyle>
          <a:p>
            <a:endParaRPr/>
          </a:p>
        </p:txBody>
      </p:sp>
      <p:sp>
        <p:nvSpPr>
          <p:cNvPr id="68" name="Google Shape;68;p73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9" name="Google Shape;69;p73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0" name="Google Shape;70;p73"/>
          <p:cNvSpPr txBox="1">
            <a:spLocks noGrp="1"/>
          </p:cNvSpPr>
          <p:nvPr>
            <p:ph type="sldNum" idx="12"/>
          </p:nvPr>
        </p:nvSpPr>
        <p:spPr>
          <a:xfrm>
            <a:off x="9448800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oogle Shape;11;p38"/>
          <p:cNvSpPr txBox="1">
            <a:spLocks noGrp="1"/>
          </p:cNvSpPr>
          <p:nvPr>
            <p:ph type="body" idx="1"/>
          </p:nvPr>
        </p:nvSpPr>
        <p:spPr>
          <a:xfrm>
            <a:off x="535709" y="832043"/>
            <a:ext cx="11111346" cy="53449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 dirty="0"/>
          </a:p>
        </p:txBody>
      </p:sp>
      <p:sp>
        <p:nvSpPr>
          <p:cNvPr id="12" name="Google Shape;12;p38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3" name="Google Shape;13;p38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4" name="Google Shape;14;p38"/>
          <p:cNvSpPr txBox="1">
            <a:spLocks noGrp="1"/>
          </p:cNvSpPr>
          <p:nvPr>
            <p:ph type="sldNum" idx="12"/>
          </p:nvPr>
        </p:nvSpPr>
        <p:spPr>
          <a:xfrm>
            <a:off x="9349510" y="6457661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" name="Google Shape;111;p76">
            <a:extLst>
              <a:ext uri="{FF2B5EF4-FFF2-40B4-BE49-F238E27FC236}">
                <a16:creationId xmlns:a16="http://schemas.microsoft.com/office/drawing/2014/main" id="{28B1863E-FEC0-1850-DEEC-798DDCBBF47B}"/>
              </a:ext>
            </a:extLst>
          </p:cNvPr>
          <p:cNvPicPr preferRelativeResize="0"/>
          <p:nvPr userDrawn="1"/>
        </p:nvPicPr>
        <p:blipFill rotWithShape="1">
          <a:blip r:embed="rId14">
            <a:alphaModFix/>
          </a:blip>
          <a:srcRect l="22326" t="32664" r="11836" b="35101"/>
          <a:stretch/>
        </p:blipFill>
        <p:spPr>
          <a:xfrm>
            <a:off x="262467" y="258234"/>
            <a:ext cx="1504951" cy="423333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3" name="Google Shape;112;p76">
            <a:extLst>
              <a:ext uri="{FF2B5EF4-FFF2-40B4-BE49-F238E27FC236}">
                <a16:creationId xmlns:a16="http://schemas.microsoft.com/office/drawing/2014/main" id="{17E3BD69-F425-10D3-474C-86ECFE2A4F0F}"/>
              </a:ext>
            </a:extLst>
          </p:cNvPr>
          <p:cNvGrpSpPr/>
          <p:nvPr userDrawn="1"/>
        </p:nvGrpSpPr>
        <p:grpSpPr>
          <a:xfrm>
            <a:off x="11856720" y="140636"/>
            <a:ext cx="223520" cy="990718"/>
            <a:chOff x="11856720" y="140636"/>
            <a:chExt cx="223520" cy="990718"/>
          </a:xfrm>
        </p:grpSpPr>
        <p:grpSp>
          <p:nvGrpSpPr>
            <p:cNvPr id="4" name="Google Shape;113;p76">
              <a:extLst>
                <a:ext uri="{FF2B5EF4-FFF2-40B4-BE49-F238E27FC236}">
                  <a16:creationId xmlns:a16="http://schemas.microsoft.com/office/drawing/2014/main" id="{14FEC19D-E791-0250-9E87-5AA9896BF4A1}"/>
                </a:ext>
              </a:extLst>
            </p:cNvPr>
            <p:cNvGrpSpPr/>
            <p:nvPr/>
          </p:nvGrpSpPr>
          <p:grpSpPr>
            <a:xfrm>
              <a:off x="11856720" y="660278"/>
              <a:ext cx="223520" cy="471076"/>
              <a:chOff x="9734551" y="3138055"/>
              <a:chExt cx="2457449" cy="1328450"/>
            </a:xfrm>
          </p:grpSpPr>
          <p:sp>
            <p:nvSpPr>
              <p:cNvPr id="8" name="Google Shape;114;p76">
                <a:extLst>
                  <a:ext uri="{FF2B5EF4-FFF2-40B4-BE49-F238E27FC236}">
                    <a16:creationId xmlns:a16="http://schemas.microsoft.com/office/drawing/2014/main" id="{B6BFFDC3-06AC-5703-18E9-A57519E04846}"/>
                  </a:ext>
                </a:extLst>
              </p:cNvPr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E1273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9" name="Google Shape;115;p76">
                <a:extLst>
                  <a:ext uri="{FF2B5EF4-FFF2-40B4-BE49-F238E27FC236}">
                    <a16:creationId xmlns:a16="http://schemas.microsoft.com/office/drawing/2014/main" id="{D650CC1D-4942-5654-E087-1C070702087B}"/>
                  </a:ext>
                </a:extLst>
              </p:cNvPr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51C6E7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  <p:grpSp>
          <p:nvGrpSpPr>
            <p:cNvPr id="5" name="Google Shape;116;p76">
              <a:extLst>
                <a:ext uri="{FF2B5EF4-FFF2-40B4-BE49-F238E27FC236}">
                  <a16:creationId xmlns:a16="http://schemas.microsoft.com/office/drawing/2014/main" id="{48321EEF-DE7D-28B5-6E9D-BC407D829594}"/>
                </a:ext>
              </a:extLst>
            </p:cNvPr>
            <p:cNvGrpSpPr/>
            <p:nvPr/>
          </p:nvGrpSpPr>
          <p:grpSpPr>
            <a:xfrm>
              <a:off x="11856720" y="140636"/>
              <a:ext cx="223520" cy="471076"/>
              <a:chOff x="9734551" y="3138055"/>
              <a:chExt cx="2457449" cy="1328450"/>
            </a:xfrm>
          </p:grpSpPr>
          <p:sp>
            <p:nvSpPr>
              <p:cNvPr id="6" name="Google Shape;117;p76">
                <a:extLst>
                  <a:ext uri="{FF2B5EF4-FFF2-40B4-BE49-F238E27FC236}">
                    <a16:creationId xmlns:a16="http://schemas.microsoft.com/office/drawing/2014/main" id="{74AAC7DD-6A02-D8D6-D1CB-5BBCDAC1774F}"/>
                  </a:ext>
                </a:extLst>
              </p:cNvPr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F7A54B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7" name="Google Shape;118;p76">
                <a:extLst>
                  <a:ext uri="{FF2B5EF4-FFF2-40B4-BE49-F238E27FC236}">
                    <a16:creationId xmlns:a16="http://schemas.microsoft.com/office/drawing/2014/main" id="{91DD3646-1FFE-8816-7209-ACCFCCC1BC16}"/>
                  </a:ext>
                </a:extLst>
              </p:cNvPr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3A3A7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</p:grpSp>
      <p:pic>
        <p:nvPicPr>
          <p:cNvPr id="15" name="Picture 14" descr="A logo with text overlay&#10;&#10;Description automatically generated">
            <a:extLst>
              <a:ext uri="{FF2B5EF4-FFF2-40B4-BE49-F238E27FC236}">
                <a16:creationId xmlns:a16="http://schemas.microsoft.com/office/drawing/2014/main" id="{52139B2A-ECE2-1B1E-7C02-2BF0D3F2D34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5"/>
          <a:srcRect l="37906" t="34096" r="9606" b="36394"/>
          <a:stretch/>
        </p:blipFill>
        <p:spPr>
          <a:xfrm>
            <a:off x="11125200" y="11945"/>
            <a:ext cx="1066800" cy="599768"/>
          </a:xfrm>
          <a:prstGeom prst="rect">
            <a:avLst/>
          </a:prstGeom>
        </p:spPr>
      </p:pic>
      <p:sp>
        <p:nvSpPr>
          <p:cNvPr id="16" name="Google Shape;125;p3">
            <a:extLst>
              <a:ext uri="{FF2B5EF4-FFF2-40B4-BE49-F238E27FC236}">
                <a16:creationId xmlns:a16="http://schemas.microsoft.com/office/drawing/2014/main" id="{9C92DD54-17A7-636B-3D4B-C20DD0F68A2F}"/>
              </a:ext>
            </a:extLst>
          </p:cNvPr>
          <p:cNvSpPr txBox="1"/>
          <p:nvPr userDrawn="1"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6" r:id="rId7"/>
    <p:sldLayoutId id="2147483657" r:id="rId8"/>
    <p:sldLayoutId id="2147483658" r:id="rId9"/>
    <p:sldLayoutId id="2147483659" r:id="rId10"/>
    <p:sldLayoutId id="2147483660" r:id="rId11"/>
    <p:sldLayoutId id="2147483661" r:id="rId12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jpg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slideLayout" Target="../slideLayouts/slideLayout1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google.com/aclk?sa=l&amp;ai=DChcSEwiLuYO_g5yIAxXCHoMDHfzvBPEYABAAGgJzZg&amp;co=1&amp;ase=2&amp;gclid=CjwKCAjwuMC2BhA7EiwAmJKRrN7Ucb8RXaSMjmCIruuOh4aHAB2CfBFEctjkus-iMg2nt-L1z18mbRoCynMQAvD_BwE&amp;sig=AOD64_1QxHEQmWzM1n8Q45tofGCA3s69uw&amp;q&amp;nis=4&amp;adurl&amp;ved=2ahUKEwiYvPu-g5yIAxVm4zgGHcZLF4kQ0Qx6BAgOEAE" TargetMode="External"/><Relationship Id="rId3" Type="http://schemas.openxmlformats.org/officeDocument/2006/relationships/hyperlink" Target="https://doi.org/10.1016/j.robot.2023.104533" TargetMode="External"/><Relationship Id="rId7" Type="http://schemas.openxmlformats.org/officeDocument/2006/relationships/hyperlink" Target="https://www.google.com/aclk?sa=l&amp;ai=DChcSEwiIl4DWg5yIAxW8pmYCHY0NMekYABABGgJzbQ&amp;co=1&amp;ase=2&amp;gclid=CjwKCAjwuMC2BhA7EiwAmJKRrBtztMSsuNlPfdn68FPPq6cgkdmq8mlJXbafm-oNZmNHA4eAnA3pJRoCKiAQAvD_BwE&amp;sig=AOD64_2xf9INuFubsuBNRGzjhXYOXYXggA&amp;q&amp;nis=4&amp;adurl&amp;ved=2ahUKEwir4PjVg5yIAxVO6jgGHYxzLjIQ0Qx6BAgKEAE" TargetMode="External"/><Relationship Id="rId2" Type="http://schemas.openxmlformats.org/officeDocument/2006/relationships/hyperlink" Target="http://dx.doi.org/10.17993/3ctecno.2019.specialissue3.85-105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ontent.u-blox.com/sites/default/files/NEO-M8-FW3_DataSheet_UBX-15031086.pdf" TargetMode="External"/><Relationship Id="rId5" Type="http://schemas.openxmlformats.org/officeDocument/2006/relationships/hyperlink" Target="https://doi.org/10.1186/s40677-016-0060-y" TargetMode="External"/><Relationship Id="rId4" Type="http://schemas.openxmlformats.org/officeDocument/2006/relationships/hyperlink" Target="https://doi.org/10.1155/2018/2572460" TargetMode="Externa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7" name="Google Shape;87;p1"/>
          <p:cNvPicPr preferRelativeResize="0"/>
          <p:nvPr/>
        </p:nvPicPr>
        <p:blipFill rotWithShape="1">
          <a:blip r:embed="rId3">
            <a:alphaModFix amt="20000"/>
          </a:blip>
          <a:srcRect l="1514" r="2310" b="19493"/>
          <a:stretch/>
        </p:blipFill>
        <p:spPr>
          <a:xfrm>
            <a:off x="-1235" y="7409"/>
            <a:ext cx="12272787" cy="6858000"/>
          </a:xfrm>
          <a:prstGeom prst="rect">
            <a:avLst/>
          </a:prstGeom>
          <a:noFill/>
          <a:ln>
            <a:noFill/>
          </a:ln>
        </p:spPr>
      </p:pic>
      <p:sp>
        <p:nvSpPr>
          <p:cNvPr id="88" name="Google Shape;88;p1"/>
          <p:cNvSpPr txBox="1"/>
          <p:nvPr/>
        </p:nvSpPr>
        <p:spPr>
          <a:xfrm>
            <a:off x="2904067" y="3139018"/>
            <a:ext cx="6383867" cy="64633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3600" b="0" i="0" u="none" strike="noStrike" cap="none">
                <a:solidFill>
                  <a:srgbClr val="8C212C"/>
                </a:solidFill>
                <a:latin typeface="Arial"/>
                <a:ea typeface="Arial"/>
                <a:cs typeface="Arial"/>
                <a:sym typeface="Arial"/>
              </a:rPr>
              <a:t>GITAM UNIVERSITY</a:t>
            </a:r>
            <a:endParaRPr sz="1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89" name="Google Shape;89;p1"/>
          <p:cNvGrpSpPr/>
          <p:nvPr/>
        </p:nvGrpSpPr>
        <p:grpSpPr>
          <a:xfrm>
            <a:off x="0" y="3139018"/>
            <a:ext cx="12192000" cy="594783"/>
            <a:chOff x="0" y="3138055"/>
            <a:chExt cx="12192000" cy="595746"/>
          </a:xfrm>
        </p:grpSpPr>
        <p:sp>
          <p:nvSpPr>
            <p:cNvPr id="90" name="Google Shape;90;p1"/>
            <p:cNvSpPr/>
            <p:nvPr/>
          </p:nvSpPr>
          <p:spPr>
            <a:xfrm>
              <a:off x="0" y="3138055"/>
              <a:ext cx="2432051" cy="595746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r>
                <a:rPr lang="en-US" sz="1351" b="0" i="0" u="none" strike="noStrike" cap="none" dirty="0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rPr>
                <a:t>AY 2020-24</a:t>
              </a:r>
              <a:endParaRPr sz="1351" b="0" i="0" u="none" strike="noStrike" cap="none" dirty="0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91" name="Google Shape;91;p1"/>
            <p:cNvSpPr/>
            <p:nvPr/>
          </p:nvSpPr>
          <p:spPr>
            <a:xfrm>
              <a:off x="9734551" y="3138055"/>
              <a:ext cx="2457449" cy="595746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r>
                <a:rPr lang="en-US" sz="1351" b="0" i="0" u="none" strike="noStrike" cap="none" dirty="0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rPr>
                <a:t>Major Project</a:t>
              </a:r>
            </a:p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r>
                <a:rPr lang="en-US" sz="1351" dirty="0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rPr>
                <a:t>Project ID: CS17</a:t>
              </a:r>
              <a:endParaRPr sz="1351" b="0" i="0" u="none" strike="noStrike" cap="none" dirty="0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92" name="Google Shape;92;p1"/>
          <p:cNvSpPr/>
          <p:nvPr/>
        </p:nvSpPr>
        <p:spPr>
          <a:xfrm>
            <a:off x="3060700" y="3797300"/>
            <a:ext cx="6096000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0" i="0" u="none" strike="noStrike" cap="none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A University should be a place of light, of liberty, and of learning.</a:t>
            </a:r>
            <a:endParaRPr sz="1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93" name="Google Shape;93;p1"/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edu.com</a:t>
            </a:r>
            <a:endParaRPr sz="1200" b="0" i="0" u="none" strike="noStrike" cap="none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94" name="Google Shape;94;p1"/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95" name="Google Shape;95;p1"/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96" name="Google Shape;96;p1"/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pic>
        <p:nvPicPr>
          <p:cNvPr id="97" name="Google Shape;97;p1"/>
          <p:cNvPicPr preferRelativeResize="0"/>
          <p:nvPr/>
        </p:nvPicPr>
        <p:blipFill rotWithShape="1">
          <a:blip r:embed="rId4">
            <a:alphaModFix/>
          </a:blip>
          <a:srcRect l="22328" t="32664" r="61002" b="35101"/>
          <a:stretch/>
        </p:blipFill>
        <p:spPr>
          <a:xfrm>
            <a:off x="5367867" y="1325034"/>
            <a:ext cx="1534584" cy="1699684"/>
          </a:xfrm>
          <a:prstGeom prst="rect">
            <a:avLst/>
          </a:prstGeom>
          <a:noFill/>
          <a:ln>
            <a:noFill/>
          </a:ln>
        </p:spPr>
      </p:pic>
      <p:sp>
        <p:nvSpPr>
          <p:cNvPr id="104" name="Google Shape;104;p1"/>
          <p:cNvSpPr/>
          <p:nvPr/>
        </p:nvSpPr>
        <p:spPr>
          <a:xfrm>
            <a:off x="2904067" y="4430594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05" name="Google Shape;105;p1"/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06" name="Google Shape;106;p1"/>
          <p:cNvSpPr/>
          <p:nvPr/>
        </p:nvSpPr>
        <p:spPr>
          <a:xfrm>
            <a:off x="3467790" y="432083"/>
            <a:ext cx="5688910" cy="59478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IN" sz="1800" b="1" i="0" u="none" strike="noStrike" cap="none" dirty="0">
                <a:solidFill>
                  <a:schemeClr val="dk1"/>
                </a:solidFill>
                <a:latin typeface="Times New Roman" pitchFamily="18" charset="0"/>
                <a:ea typeface="Montserrat"/>
                <a:cs typeface="Times New Roman" pitchFamily="18" charset="0"/>
                <a:sym typeface="Montserrat"/>
              </a:rPr>
              <a:t>Development of Drone for Emergency Services</a:t>
            </a:r>
            <a:endParaRPr lang="en-US" sz="1800" b="1" i="0" u="none" strike="noStrike" cap="none" dirty="0">
              <a:solidFill>
                <a:schemeClr val="dk1"/>
              </a:solidFill>
              <a:latin typeface="Montserrat"/>
              <a:ea typeface="Montserrat"/>
              <a:cs typeface="Montserrat"/>
              <a:sym typeface="Montserrat"/>
            </a:endParaRPr>
          </a:p>
        </p:txBody>
      </p:sp>
      <p:sp>
        <p:nvSpPr>
          <p:cNvPr id="2" name="Google Shape;111;p1">
            <a:extLst>
              <a:ext uri="{FF2B5EF4-FFF2-40B4-BE49-F238E27FC236}">
                <a16:creationId xmlns:a16="http://schemas.microsoft.com/office/drawing/2014/main" id="{9D6E9948-A142-7B28-3C91-30F0929BCAEC}"/>
              </a:ext>
            </a:extLst>
          </p:cNvPr>
          <p:cNvSpPr/>
          <p:nvPr/>
        </p:nvSpPr>
        <p:spPr>
          <a:xfrm>
            <a:off x="66260" y="5253329"/>
            <a:ext cx="2926946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Jagannath Sagar Karri</a:t>
            </a:r>
            <a:endParaRPr lang="en-US" sz="1400" b="1" i="0" u="none" strike="noStrike" cap="none" dirty="0">
              <a:solidFill>
                <a:schemeClr val="dk1"/>
              </a:solidFill>
              <a:latin typeface="Montserrat Medium"/>
              <a:ea typeface="Arial"/>
              <a:cs typeface="Arial"/>
              <a:sym typeface="Montserrat Medium"/>
            </a:endParaRPr>
          </a:p>
        </p:txBody>
      </p:sp>
      <p:sp>
        <p:nvSpPr>
          <p:cNvPr id="3" name="Google Shape;111;p1">
            <a:extLst>
              <a:ext uri="{FF2B5EF4-FFF2-40B4-BE49-F238E27FC236}">
                <a16:creationId xmlns:a16="http://schemas.microsoft.com/office/drawing/2014/main" id="{17A4430A-651A-8136-68E4-294987EE07F8}"/>
              </a:ext>
            </a:extLst>
          </p:cNvPr>
          <p:cNvSpPr/>
          <p:nvPr/>
        </p:nvSpPr>
        <p:spPr>
          <a:xfrm>
            <a:off x="9449802" y="5295901"/>
            <a:ext cx="2926946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Sanhita Manna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0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1 : Result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8384FB4E-AB25-B986-6544-C029606954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2EDE2B-D87B-D03F-3482-F7F114A4F0D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1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C625E54E-A86D-9B94-B470-0435C69F95E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2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7B823CE-7BA9-D714-A424-29AA44BD6144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4680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E0A65F51-F37A-0F0B-AFF4-2134BDC0307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60440EB-4A8A-D93C-606D-594A9C00C62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2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E899E6C-558C-950D-AACE-666F4910120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</a:t>
            </a:r>
            <a:r>
              <a:rPr lang="en-US" sz="2400" b="1" dirty="0">
                <a:latin typeface="Montserrat"/>
                <a:ea typeface="Montserrat"/>
                <a:cs typeface="Montserrat"/>
                <a:sym typeface="Montserrat"/>
              </a:rPr>
              <a:t>3 (Optional)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935777F9-D82A-2939-0C57-126FBC7D4C26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3860057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866E2842-485B-A1BA-74A8-3079DADFFA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435B471-CC7E-7CB9-A4D6-FB503C8052E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3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7F9DACA-35DE-941A-CCEE-D335FBEB8971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tribution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5951DA8A-453F-9B13-3160-FA60A7CB42E6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am Progress and Movement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E154839C-B3E3-3A7B-9FDD-C49C18A4F130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ndividual Contribution 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Team Member Name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Team Member Name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Team Member Name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Team Member Name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Team Member Name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XX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275729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4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 and Conclusion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0" name="Google Shape;230;p35"/>
          <p:cNvSpPr txBox="1"/>
          <p:nvPr/>
        </p:nvSpPr>
        <p:spPr>
          <a:xfrm>
            <a:off x="4072466" y="3303027"/>
            <a:ext cx="4072467" cy="76944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4400"/>
              <a:buFont typeface="Arial"/>
              <a:buNone/>
            </a:pPr>
            <a:r>
              <a:rPr lang="en-US" sz="4400" b="0" i="0" u="none" strike="noStrike" cap="none">
                <a:solidFill>
                  <a:srgbClr val="DF2A36"/>
                </a:solidFill>
                <a:latin typeface="Arial"/>
                <a:ea typeface="Arial"/>
                <a:cs typeface="Arial"/>
                <a:sym typeface="Arial"/>
              </a:rPr>
              <a:t>THANK YOU</a:t>
            </a:r>
            <a:endParaRPr sz="4400" b="0" i="0" u="none" strike="noStrike" cap="none">
              <a:solidFill>
                <a:srgbClr val="DF2A36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31" name="Google Shape;231;p35"/>
          <p:cNvPicPr preferRelativeResize="0"/>
          <p:nvPr/>
        </p:nvPicPr>
        <p:blipFill rotWithShape="1">
          <a:blip r:embed="rId3">
            <a:alphaModFix/>
          </a:blip>
          <a:srcRect l="22326" t="32664" r="11837" b="35102"/>
          <a:stretch/>
        </p:blipFill>
        <p:spPr>
          <a:xfrm>
            <a:off x="262467" y="258234"/>
            <a:ext cx="1504951" cy="423333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232" name="Google Shape;232;p35"/>
          <p:cNvGrpSpPr/>
          <p:nvPr/>
        </p:nvGrpSpPr>
        <p:grpSpPr>
          <a:xfrm>
            <a:off x="11856720" y="1182857"/>
            <a:ext cx="223520" cy="990718"/>
            <a:chOff x="11856720" y="140636"/>
            <a:chExt cx="223520" cy="990718"/>
          </a:xfrm>
        </p:grpSpPr>
        <p:grpSp>
          <p:nvGrpSpPr>
            <p:cNvPr id="233" name="Google Shape;233;p35"/>
            <p:cNvGrpSpPr/>
            <p:nvPr/>
          </p:nvGrpSpPr>
          <p:grpSpPr>
            <a:xfrm>
              <a:off x="11856720" y="660278"/>
              <a:ext cx="223520" cy="471076"/>
              <a:chOff x="9734551" y="3138055"/>
              <a:chExt cx="2457449" cy="1328450"/>
            </a:xfrm>
          </p:grpSpPr>
          <p:sp>
            <p:nvSpPr>
              <p:cNvPr id="234" name="Google Shape;234;p35"/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E1273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235" name="Google Shape;235;p35"/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51C6E7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  <p:grpSp>
          <p:nvGrpSpPr>
            <p:cNvPr id="236" name="Google Shape;236;p35"/>
            <p:cNvGrpSpPr/>
            <p:nvPr/>
          </p:nvGrpSpPr>
          <p:grpSpPr>
            <a:xfrm>
              <a:off x="11856720" y="140636"/>
              <a:ext cx="223520" cy="471076"/>
              <a:chOff x="9734551" y="3138055"/>
              <a:chExt cx="2457449" cy="1328450"/>
            </a:xfrm>
          </p:grpSpPr>
          <p:sp>
            <p:nvSpPr>
              <p:cNvPr id="237" name="Google Shape;237;p35"/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F7A54B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238" name="Google Shape;238;p35"/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3A3A7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</p:grpSp>
      <p:pic>
        <p:nvPicPr>
          <p:cNvPr id="239" name="Google Shape;239;p35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7829549" y="2637368"/>
            <a:ext cx="4931834" cy="4931834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1" name="Google Shape;111;p76"/>
          <p:cNvPicPr preferRelativeResize="0"/>
          <p:nvPr/>
        </p:nvPicPr>
        <p:blipFill rotWithShape="1">
          <a:blip r:embed="rId3">
            <a:alphaModFix/>
          </a:blip>
          <a:srcRect l="22326" t="32664" r="11836" b="35101"/>
          <a:stretch/>
        </p:blipFill>
        <p:spPr>
          <a:xfrm>
            <a:off x="262467" y="258234"/>
            <a:ext cx="1504951" cy="423333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112" name="Google Shape;112;p76"/>
          <p:cNvGrpSpPr/>
          <p:nvPr/>
        </p:nvGrpSpPr>
        <p:grpSpPr>
          <a:xfrm>
            <a:off x="11856720" y="140636"/>
            <a:ext cx="223520" cy="990718"/>
            <a:chOff x="11856720" y="140636"/>
            <a:chExt cx="223520" cy="990718"/>
          </a:xfrm>
        </p:grpSpPr>
        <p:grpSp>
          <p:nvGrpSpPr>
            <p:cNvPr id="113" name="Google Shape;113;p76"/>
            <p:cNvGrpSpPr/>
            <p:nvPr/>
          </p:nvGrpSpPr>
          <p:grpSpPr>
            <a:xfrm>
              <a:off x="11856720" y="660278"/>
              <a:ext cx="223520" cy="471076"/>
              <a:chOff x="9734551" y="3138055"/>
              <a:chExt cx="2457449" cy="1328450"/>
            </a:xfrm>
          </p:grpSpPr>
          <p:sp>
            <p:nvSpPr>
              <p:cNvPr id="114" name="Google Shape;114;p76"/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E1273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115" name="Google Shape;115;p76"/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51C6E7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  <p:grpSp>
          <p:nvGrpSpPr>
            <p:cNvPr id="116" name="Google Shape;116;p76"/>
            <p:cNvGrpSpPr/>
            <p:nvPr/>
          </p:nvGrpSpPr>
          <p:grpSpPr>
            <a:xfrm>
              <a:off x="11856720" y="140636"/>
              <a:ext cx="223520" cy="471076"/>
              <a:chOff x="9734551" y="3138055"/>
              <a:chExt cx="2457449" cy="1328450"/>
            </a:xfrm>
          </p:grpSpPr>
          <p:sp>
            <p:nvSpPr>
              <p:cNvPr id="117" name="Google Shape;117;p76"/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F7A54B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118" name="Google Shape;118;p76"/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3A3A7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</p:grpSp>
      <p:pic>
        <p:nvPicPr>
          <p:cNvPr id="7" name="Picture 6" descr="A logo with text overlay&#10;&#10;Description automatically generated">
            <a:extLst>
              <a:ext uri="{FF2B5EF4-FFF2-40B4-BE49-F238E27FC236}">
                <a16:creationId xmlns:a16="http://schemas.microsoft.com/office/drawing/2014/main" id="{1FDBF49F-EBC8-595E-8495-305F025C20F6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7906" t="34096" r="9606" b="36394"/>
          <a:stretch/>
        </p:blipFill>
        <p:spPr>
          <a:xfrm>
            <a:off x="11125200" y="11945"/>
            <a:ext cx="1066800" cy="599768"/>
          </a:xfrm>
          <a:prstGeom prst="rect">
            <a:avLst/>
          </a:prstGeom>
        </p:spPr>
      </p:pic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80C5FE84-A4F7-9B31-B0D9-70C0F0AE2C47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Group – Details</a:t>
            </a:r>
            <a:endParaRPr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3214F0F0-0070-3598-A718-7B19F2871B93}"/>
              </a:ext>
            </a:extLst>
          </p:cNvPr>
          <p:cNvGrpSpPr/>
          <p:nvPr/>
        </p:nvGrpSpPr>
        <p:grpSpPr>
          <a:xfrm>
            <a:off x="550606" y="762414"/>
            <a:ext cx="10965118" cy="305674"/>
            <a:chOff x="550606" y="762414"/>
            <a:chExt cx="10965118" cy="305674"/>
          </a:xfrm>
          <a:solidFill>
            <a:schemeClr val="tx2">
              <a:lumMod val="10000"/>
            </a:schemeClr>
          </a:solidFill>
        </p:grpSpPr>
        <p:sp>
          <p:nvSpPr>
            <p:cNvPr id="2" name="Google Shape;120;p76">
              <a:extLst>
                <a:ext uri="{FF2B5EF4-FFF2-40B4-BE49-F238E27FC236}">
                  <a16:creationId xmlns:a16="http://schemas.microsoft.com/office/drawing/2014/main" id="{73BC9062-DCB3-7306-E819-DCC861C0023D}"/>
                </a:ext>
              </a:extLst>
            </p:cNvPr>
            <p:cNvSpPr/>
            <p:nvPr/>
          </p:nvSpPr>
          <p:spPr>
            <a:xfrm>
              <a:off x="550606" y="765905"/>
              <a:ext cx="2114338" cy="302183"/>
            </a:xfrm>
            <a:prstGeom prst="roundRect">
              <a:avLst>
                <a:gd name="adj" fmla="val 16667"/>
              </a:avLst>
            </a:prstGeom>
            <a:grpFill/>
            <a:ln w="25400" cap="flat" cmpd="sng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US" sz="2000" b="1" i="0" u="none" strike="noStrike" cap="none" dirty="0">
                  <a:solidFill>
                    <a:schemeClr val="lt1"/>
                  </a:solidFill>
                  <a:latin typeface="Verdana"/>
                  <a:ea typeface="Verdana"/>
                  <a:cs typeface="Verdana"/>
                  <a:sym typeface="Verdana"/>
                </a:rPr>
                <a:t>Photo </a:t>
              </a:r>
              <a:endParaRPr sz="1000" b="1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" name="Google Shape;120;p76">
              <a:extLst>
                <a:ext uri="{FF2B5EF4-FFF2-40B4-BE49-F238E27FC236}">
                  <a16:creationId xmlns:a16="http://schemas.microsoft.com/office/drawing/2014/main" id="{9B2C7E98-36BC-7E80-D761-7674F1BB1290}"/>
                </a:ext>
              </a:extLst>
            </p:cNvPr>
            <p:cNvSpPr/>
            <p:nvPr/>
          </p:nvSpPr>
          <p:spPr>
            <a:xfrm>
              <a:off x="2759165" y="762415"/>
              <a:ext cx="1871829" cy="295979"/>
            </a:xfrm>
            <a:prstGeom prst="roundRect">
              <a:avLst>
                <a:gd name="adj" fmla="val 16667"/>
              </a:avLst>
            </a:prstGeom>
            <a:grpFill/>
            <a:ln w="25400" cap="flat" cmpd="sng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US" sz="2000" b="1" i="0" u="none" strike="noStrike" cap="none" dirty="0">
                  <a:solidFill>
                    <a:schemeClr val="lt1"/>
                  </a:solidFill>
                  <a:latin typeface="Verdana"/>
                  <a:ea typeface="Verdana"/>
                  <a:cs typeface="Verdana"/>
                  <a:sym typeface="Verdana"/>
                </a:rPr>
                <a:t>Track</a:t>
              </a:r>
              <a:endParaRPr sz="1000" b="1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" name="Google Shape;120;p76">
              <a:extLst>
                <a:ext uri="{FF2B5EF4-FFF2-40B4-BE49-F238E27FC236}">
                  <a16:creationId xmlns:a16="http://schemas.microsoft.com/office/drawing/2014/main" id="{727B01B2-826E-A9BE-9114-38D3502E330D}"/>
                </a:ext>
              </a:extLst>
            </p:cNvPr>
            <p:cNvSpPr/>
            <p:nvPr/>
          </p:nvSpPr>
          <p:spPr>
            <a:xfrm>
              <a:off x="4799359" y="772109"/>
              <a:ext cx="2004564" cy="295979"/>
            </a:xfrm>
            <a:prstGeom prst="roundRect">
              <a:avLst>
                <a:gd name="adj" fmla="val 16667"/>
              </a:avLst>
            </a:prstGeom>
            <a:grpFill/>
            <a:ln w="25400" cap="flat" cmpd="sng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US" sz="2000" b="1" i="0" u="none" strike="noStrike" cap="none" dirty="0">
                  <a:solidFill>
                    <a:schemeClr val="lt1"/>
                  </a:solidFill>
                  <a:latin typeface="Verdana"/>
                  <a:ea typeface="Verdana"/>
                  <a:cs typeface="Verdana"/>
                  <a:sym typeface="Verdana"/>
                </a:rPr>
                <a:t>Roll No</a:t>
              </a:r>
              <a:endParaRPr sz="1000" b="1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1" name="Google Shape;120;p76">
              <a:extLst>
                <a:ext uri="{FF2B5EF4-FFF2-40B4-BE49-F238E27FC236}">
                  <a16:creationId xmlns:a16="http://schemas.microsoft.com/office/drawing/2014/main" id="{25926E8D-BD84-A2C1-48C0-4E0D30CE99A8}"/>
                </a:ext>
              </a:extLst>
            </p:cNvPr>
            <p:cNvSpPr/>
            <p:nvPr/>
          </p:nvSpPr>
          <p:spPr>
            <a:xfrm>
              <a:off x="6937875" y="762414"/>
              <a:ext cx="4577849" cy="295979"/>
            </a:xfrm>
            <a:prstGeom prst="roundRect">
              <a:avLst>
                <a:gd name="adj" fmla="val 16667"/>
              </a:avLst>
            </a:prstGeom>
            <a:grpFill/>
            <a:ln w="25400" cap="flat" cmpd="sng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US" sz="2000" b="1" i="0" u="none" strike="noStrike" cap="none" dirty="0">
                  <a:solidFill>
                    <a:schemeClr val="lt1"/>
                  </a:solidFill>
                  <a:latin typeface="Verdana"/>
                  <a:ea typeface="Verdana"/>
                  <a:cs typeface="Verdana"/>
                  <a:sym typeface="Verdana"/>
                </a:rPr>
                <a:t>Name</a:t>
              </a:r>
              <a:endParaRPr lang="en-US" sz="1000" b="1" dirty="0">
                <a:ea typeface="Verdana"/>
              </a:endParaRP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7A25B51E-0316-3A04-0D09-C9B5A893FEEF}"/>
              </a:ext>
            </a:extLst>
          </p:cNvPr>
          <p:cNvGrpSpPr/>
          <p:nvPr/>
        </p:nvGrpSpPr>
        <p:grpSpPr>
          <a:xfrm>
            <a:off x="774620" y="2778145"/>
            <a:ext cx="10788274" cy="1671547"/>
            <a:chOff x="727450" y="910144"/>
            <a:chExt cx="10788274" cy="1671547"/>
          </a:xfrm>
        </p:grpSpPr>
        <p:sp>
          <p:nvSpPr>
            <p:cNvPr id="4" name="Google Shape;120;p76">
              <a:extLst>
                <a:ext uri="{FF2B5EF4-FFF2-40B4-BE49-F238E27FC236}">
                  <a16:creationId xmlns:a16="http://schemas.microsoft.com/office/drawing/2014/main" id="{3AD7F3A5-9B93-6163-9D85-A08E588D2811}"/>
                </a:ext>
              </a:extLst>
            </p:cNvPr>
            <p:cNvSpPr/>
            <p:nvPr/>
          </p:nvSpPr>
          <p:spPr>
            <a:xfrm>
              <a:off x="727450" y="910144"/>
              <a:ext cx="1601656" cy="1671547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endParaRPr sz="1050" b="0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2" name="Google Shape;120;p76">
              <a:extLst>
                <a:ext uri="{FF2B5EF4-FFF2-40B4-BE49-F238E27FC236}">
                  <a16:creationId xmlns:a16="http://schemas.microsoft.com/office/drawing/2014/main" id="{C3480FF3-25F3-638F-C9B0-ED60F7818170}"/>
                </a:ext>
              </a:extLst>
            </p:cNvPr>
            <p:cNvSpPr/>
            <p:nvPr/>
          </p:nvSpPr>
          <p:spPr>
            <a:xfrm>
              <a:off x="2759164" y="1557376"/>
              <a:ext cx="1871829" cy="369096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US" sz="1800" b="0" i="0" u="none" strike="noStrike" cap="none" dirty="0">
                  <a:solidFill>
                    <a:schemeClr val="lt1"/>
                  </a:solidFill>
                  <a:latin typeface="Verdana"/>
                  <a:ea typeface="Verdana"/>
                  <a:cs typeface="Verdana"/>
                  <a:sym typeface="Verdana"/>
                </a:rPr>
                <a:t>EECE AI/ML</a:t>
              </a:r>
              <a:endParaRPr sz="900" b="0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3" name="Google Shape;120;p76">
              <a:extLst>
                <a:ext uri="{FF2B5EF4-FFF2-40B4-BE49-F238E27FC236}">
                  <a16:creationId xmlns:a16="http://schemas.microsoft.com/office/drawing/2014/main" id="{062AA0B2-B833-6559-2A32-970A49C4976B}"/>
                </a:ext>
              </a:extLst>
            </p:cNvPr>
            <p:cNvSpPr/>
            <p:nvPr/>
          </p:nvSpPr>
          <p:spPr>
            <a:xfrm>
              <a:off x="4799359" y="1557376"/>
              <a:ext cx="2004564" cy="369096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US" b="0" i="0" u="none" strike="noStrike" cap="none" dirty="0">
                  <a:solidFill>
                    <a:schemeClr val="lt1"/>
                  </a:solidFill>
                  <a:latin typeface="Verdana"/>
                  <a:ea typeface="Verdana"/>
                  <a:cs typeface="Verdana"/>
                  <a:sym typeface="Verdana"/>
                </a:rPr>
                <a:t>BU21EECE0100162</a:t>
              </a:r>
              <a:endParaRPr sz="700" b="0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4" name="Google Shape;120;p76">
              <a:extLst>
                <a:ext uri="{FF2B5EF4-FFF2-40B4-BE49-F238E27FC236}">
                  <a16:creationId xmlns:a16="http://schemas.microsoft.com/office/drawing/2014/main" id="{24798C12-632D-B1A2-C441-76E8952EACEA}"/>
                </a:ext>
              </a:extLst>
            </p:cNvPr>
            <p:cNvSpPr/>
            <p:nvPr/>
          </p:nvSpPr>
          <p:spPr>
            <a:xfrm>
              <a:off x="7023990" y="1557376"/>
              <a:ext cx="4491734" cy="369096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 cap="flat" cmpd="sng">
              <a:solidFill>
                <a:schemeClr val="accent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3600"/>
                <a:buFont typeface="Arial"/>
                <a:buNone/>
              </a:pPr>
              <a:r>
                <a:rPr lang="en-IN" sz="1800" dirty="0">
                  <a:solidFill>
                    <a:schemeClr val="lt1"/>
                  </a:solidFill>
                  <a:latin typeface="Verdana"/>
                  <a:ea typeface="Verdana"/>
                  <a:sym typeface="Verdana"/>
                </a:rPr>
                <a:t>J</a:t>
              </a:r>
              <a:r>
                <a:rPr lang="en-US" sz="1800" dirty="0" err="1">
                  <a:solidFill>
                    <a:schemeClr val="lt1"/>
                  </a:solidFill>
                  <a:latin typeface="Verdana"/>
                  <a:ea typeface="Verdana"/>
                  <a:sym typeface="Verdana"/>
                </a:rPr>
                <a:t>agannath</a:t>
              </a:r>
              <a:r>
                <a:rPr lang="en-US" sz="1800" dirty="0">
                  <a:solidFill>
                    <a:schemeClr val="lt1"/>
                  </a:solidFill>
                  <a:latin typeface="Verdana"/>
                  <a:ea typeface="Verdana"/>
                  <a:sym typeface="Verdana"/>
                </a:rPr>
                <a:t> Sagar Karri</a:t>
              </a:r>
              <a:endParaRPr sz="900" b="0" i="0" u="none" strike="noStrike" cap="none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33" name="Slide Number Placeholder 32">
            <a:extLst>
              <a:ext uri="{FF2B5EF4-FFF2-40B4-BE49-F238E27FC236}">
                <a16:creationId xmlns:a16="http://schemas.microsoft.com/office/drawing/2014/main" id="{2D7765F4-D938-C625-7541-CDC9FD9AC30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91C8CB4-2C58-449F-A6CF-2588186C1C3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55170" y="2813478"/>
            <a:ext cx="1193962" cy="1591951"/>
          </a:xfrm>
          <a:prstGeom prst="rect">
            <a:avLst/>
          </a:prstGeom>
        </p:spPr>
      </p:pic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1" name="Google Shape;111;p76">
            <a:extLst>
              <a:ext uri="{FF2B5EF4-FFF2-40B4-BE49-F238E27FC236}">
                <a16:creationId xmlns:a16="http://schemas.microsoft.com/office/drawing/2014/main" id="{CD36C4A8-2052-7C84-C39A-3CBDF0046CFF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 l="22326" t="32664" r="11836" b="35101"/>
          <a:stretch/>
        </p:blipFill>
        <p:spPr>
          <a:xfrm>
            <a:off x="262467" y="258234"/>
            <a:ext cx="1504951" cy="423333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112" name="Google Shape;112;p76">
            <a:extLst>
              <a:ext uri="{FF2B5EF4-FFF2-40B4-BE49-F238E27FC236}">
                <a16:creationId xmlns:a16="http://schemas.microsoft.com/office/drawing/2014/main" id="{C57379A0-1397-F4C2-2A88-69D07BFBDBCC}"/>
              </a:ext>
            </a:extLst>
          </p:cNvPr>
          <p:cNvGrpSpPr/>
          <p:nvPr/>
        </p:nvGrpSpPr>
        <p:grpSpPr>
          <a:xfrm>
            <a:off x="11856720" y="140636"/>
            <a:ext cx="223520" cy="990718"/>
            <a:chOff x="11856720" y="140636"/>
            <a:chExt cx="223520" cy="990718"/>
          </a:xfrm>
        </p:grpSpPr>
        <p:grpSp>
          <p:nvGrpSpPr>
            <p:cNvPr id="113" name="Google Shape;113;p76">
              <a:extLst>
                <a:ext uri="{FF2B5EF4-FFF2-40B4-BE49-F238E27FC236}">
                  <a16:creationId xmlns:a16="http://schemas.microsoft.com/office/drawing/2014/main" id="{53AE2AB2-2208-8436-C088-F8E1EE56ACDD}"/>
                </a:ext>
              </a:extLst>
            </p:cNvPr>
            <p:cNvGrpSpPr/>
            <p:nvPr/>
          </p:nvGrpSpPr>
          <p:grpSpPr>
            <a:xfrm>
              <a:off x="11856720" y="660278"/>
              <a:ext cx="223520" cy="471076"/>
              <a:chOff x="9734551" y="3138055"/>
              <a:chExt cx="2457449" cy="1328450"/>
            </a:xfrm>
          </p:grpSpPr>
          <p:sp>
            <p:nvSpPr>
              <p:cNvPr id="114" name="Google Shape;114;p76">
                <a:extLst>
                  <a:ext uri="{FF2B5EF4-FFF2-40B4-BE49-F238E27FC236}">
                    <a16:creationId xmlns:a16="http://schemas.microsoft.com/office/drawing/2014/main" id="{126353FF-E161-736B-FDA4-930AD7B61009}"/>
                  </a:ext>
                </a:extLst>
              </p:cNvPr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E1273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115" name="Google Shape;115;p76">
                <a:extLst>
                  <a:ext uri="{FF2B5EF4-FFF2-40B4-BE49-F238E27FC236}">
                    <a16:creationId xmlns:a16="http://schemas.microsoft.com/office/drawing/2014/main" id="{D7A00F2C-490F-D555-A227-E7BC946DE9EF}"/>
                  </a:ext>
                </a:extLst>
              </p:cNvPr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51C6E7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  <p:grpSp>
          <p:nvGrpSpPr>
            <p:cNvPr id="116" name="Google Shape;116;p76">
              <a:extLst>
                <a:ext uri="{FF2B5EF4-FFF2-40B4-BE49-F238E27FC236}">
                  <a16:creationId xmlns:a16="http://schemas.microsoft.com/office/drawing/2014/main" id="{740B92F7-BB3E-7287-0CA2-E608AD95E6D9}"/>
                </a:ext>
              </a:extLst>
            </p:cNvPr>
            <p:cNvGrpSpPr/>
            <p:nvPr/>
          </p:nvGrpSpPr>
          <p:grpSpPr>
            <a:xfrm>
              <a:off x="11856720" y="140636"/>
              <a:ext cx="223520" cy="471076"/>
              <a:chOff x="9734551" y="3138055"/>
              <a:chExt cx="2457449" cy="1328450"/>
            </a:xfrm>
          </p:grpSpPr>
          <p:sp>
            <p:nvSpPr>
              <p:cNvPr id="117" name="Google Shape;117;p76">
                <a:extLst>
                  <a:ext uri="{FF2B5EF4-FFF2-40B4-BE49-F238E27FC236}">
                    <a16:creationId xmlns:a16="http://schemas.microsoft.com/office/drawing/2014/main" id="{F2686511-1B84-2C77-7126-3491538F7EAA}"/>
                  </a:ext>
                </a:extLst>
              </p:cNvPr>
              <p:cNvSpPr/>
              <p:nvPr/>
            </p:nvSpPr>
            <p:spPr>
              <a:xfrm>
                <a:off x="9759949" y="3870759"/>
                <a:ext cx="2432051" cy="595746"/>
              </a:xfrm>
              <a:prstGeom prst="rect">
                <a:avLst/>
              </a:prstGeom>
              <a:solidFill>
                <a:srgbClr val="F7A54B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  <p:sp>
            <p:nvSpPr>
              <p:cNvPr id="118" name="Google Shape;118;p76">
                <a:extLst>
                  <a:ext uri="{FF2B5EF4-FFF2-40B4-BE49-F238E27FC236}">
                    <a16:creationId xmlns:a16="http://schemas.microsoft.com/office/drawing/2014/main" id="{09541A36-FA09-469A-29B5-F0C693E6FDDF}"/>
                  </a:ext>
                </a:extLst>
              </p:cNvPr>
              <p:cNvSpPr/>
              <p:nvPr/>
            </p:nvSpPr>
            <p:spPr>
              <a:xfrm>
                <a:off x="9734551" y="3138055"/>
                <a:ext cx="2457449" cy="595746"/>
              </a:xfrm>
              <a:prstGeom prst="rect">
                <a:avLst/>
              </a:prstGeom>
              <a:solidFill>
                <a:srgbClr val="3A3A70"/>
              </a:solidFill>
              <a:ln>
                <a:noFill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351"/>
                  <a:buFont typeface="Arial"/>
                  <a:buNone/>
                </a:pPr>
                <a:endParaRPr sz="1351" b="0" i="0" u="none" strike="noStrike" cap="none">
                  <a:solidFill>
                    <a:schemeClr val="lt1"/>
                  </a:solidFill>
                  <a:latin typeface="Calibri"/>
                  <a:ea typeface="Calibri"/>
                  <a:cs typeface="Calibri"/>
                  <a:sym typeface="Calibri"/>
                </a:endParaRPr>
              </a:p>
            </p:txBody>
          </p:sp>
        </p:grpSp>
      </p:grpSp>
      <p:pic>
        <p:nvPicPr>
          <p:cNvPr id="7" name="Picture 6" descr="A logo with text overlay&#10;&#10;Description automatically generated">
            <a:extLst>
              <a:ext uri="{FF2B5EF4-FFF2-40B4-BE49-F238E27FC236}">
                <a16:creationId xmlns:a16="http://schemas.microsoft.com/office/drawing/2014/main" id="{237F7F33-9CF1-F18A-D2EB-579E4AE1E48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7906" t="34096" r="9606" b="36394"/>
          <a:stretch/>
        </p:blipFill>
        <p:spPr>
          <a:xfrm>
            <a:off x="11125200" y="11945"/>
            <a:ext cx="1066800" cy="599768"/>
          </a:xfrm>
          <a:prstGeom prst="rect">
            <a:avLst/>
          </a:prstGeom>
        </p:spPr>
      </p:pic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Objective and Goals</a:t>
            </a:r>
            <a:endParaRPr dirty="0"/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2997503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A1111477-E886-23E8-64BD-4CADAD76379A}"/>
              </a:ext>
            </a:extLst>
          </p:cNvPr>
          <p:cNvSpPr txBox="1"/>
          <p:nvPr/>
        </p:nvSpPr>
        <p:spPr>
          <a:xfrm>
            <a:off x="1000124" y="1268361"/>
            <a:ext cx="9943179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Brief Description 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GB" b="1" dirty="0"/>
              <a:t>Objective: </a:t>
            </a:r>
            <a:r>
              <a:rPr lang="en-GB" dirty="0"/>
              <a:t>The project aims to develop an assistance drone specifically designed to enhance the capabilities of emergency services. The drone will focus on providing real-time situational awareness, reconnaissance, and support for rescue operations in hard-to-reach or disaster-affected are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A9AEFFB-1A20-899A-F8E0-29DEDB267EF4}"/>
              </a:ext>
            </a:extLst>
          </p:cNvPr>
          <p:cNvSpPr txBox="1"/>
          <p:nvPr/>
        </p:nvSpPr>
        <p:spPr>
          <a:xfrm>
            <a:off x="1014942" y="3558315"/>
            <a:ext cx="9943179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Main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mplement high-resolution imaging for detailed situational assessmen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ntegrate real-time communication capabilities for continuous data transmiss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Achieve a flight time of up to 40 minutes and a 1-kilometer operational range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Autonomous Navigation complimented with Geo-Fencing </a:t>
            </a: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dditional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Ensure the drone can withstand harsh environmental conditions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Utilize dual-band for reliable communicat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Focus on reducing response times by up to 50%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476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476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476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8" y="2879173"/>
            <a:ext cx="2090527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416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4107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flipV="1">
            <a:off x="4970019" y="1629833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826176" y="1443778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763059" y="2827630"/>
            <a:ext cx="9341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22 – Oct 20</a:t>
            </a: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892332" y="2697544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476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476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476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414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5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APPLICATIONS OF UNMANNED AERIAL VEHICLES: A REVIEW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pt-BR" dirty="0">
                <a:latin typeface="Verdana" panose="020B0604030504040204" pitchFamily="34" charset="0"/>
                <a:ea typeface="Verdana" panose="020B0604030504040204" pitchFamily="34" charset="0"/>
                <a:hlinkClick r:id="rId2"/>
              </a:rPr>
              <a:t>http://dx.doi.org/10.17993/3ctecno.2019.specialissue3.85-105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A review of UAV autonomous navigation in GPS-denied environment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u="none" strike="noStrike" dirty="0">
                <a:effectLst/>
                <a:latin typeface="ElsevierSans"/>
                <a:hlinkClick r:id="rId3" tooltip="Persistent link using digital object identifier"/>
              </a:rPr>
              <a:t>https://doi.org/10.1016/j.robot.2023.104533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rgbClr val="1C1D1E"/>
                </a:solidFill>
                <a:effectLst/>
                <a:latin typeface="Open Sans" panose="020B0606030504020204" pitchFamily="34" charset="0"/>
              </a:rPr>
              <a:t>Reliable Flying IoT Networks for UAV Disaster Rescue Operation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1" i="0" u="none" strike="noStrike" dirty="0">
                <a:effectLst/>
                <a:latin typeface="Open Sans" panose="020B0606030504020204" pitchFamily="34" charset="0"/>
                <a:hlinkClick r:id="rId4"/>
              </a:rPr>
              <a:t>https://doi.org/10.1155/2018/2572460</a:t>
            </a:r>
            <a:endParaRPr lang="en-US" b="1" i="0" u="none" strike="noStrike" dirty="0">
              <a:effectLst/>
              <a:latin typeface="Open Sans" panose="020B060603050402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UAV- based Photogrammetry and </a:t>
            </a:r>
            <a:r>
              <a:rPr lang="en-GB" i="0" dirty="0" err="1">
                <a:solidFill>
                  <a:schemeClr val="tx1"/>
                </a:solidFill>
                <a:effectLst/>
                <a:latin typeface="Merriweather Sans" pitchFamily="2" charset="0"/>
              </a:rPr>
              <a:t>Geocomputing</a:t>
            </a: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 for Hazards and Disaster Risk Monitoring – A Review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222222"/>
                </a:solidFill>
                <a:effectLst/>
                <a:latin typeface="Merriweather Sans" pitchFamily="2" charset="0"/>
                <a:hlinkClick r:id="rId5"/>
              </a:rPr>
              <a:t>https://doi.org/10.1186/s40677-016-0060-y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Resources – Whitepaper| Application Notes |  Datasheet| Other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Ublox NEO-M8N GPS Module </a:t>
            </a:r>
            <a:r>
              <a:rPr lang="pt-BR" dirty="0">
                <a:hlinkClick r:id="rId6"/>
              </a:rPr>
              <a:t>Datasheet</a:t>
            </a:r>
            <a:r>
              <a:rPr lang="pt-BR" dirty="0"/>
              <a:t>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1" dirty="0"/>
              <a:t>Component:</a:t>
            </a:r>
            <a:r>
              <a:rPr lang="en-US" dirty="0"/>
              <a:t> Sharp GP2Y0A21YK0F Analog Distance Sensor </a:t>
            </a:r>
            <a:r>
              <a:rPr lang="en-US" dirty="0">
                <a:hlinkClick r:id="rId7"/>
              </a:rPr>
              <a:t>Datasheet</a:t>
            </a:r>
            <a:endParaRPr lang="en-US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HC-SR04 Ultrasonic Distance Sensor 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  <a:hlinkClick r:id="rId8"/>
              </a:rPr>
              <a:t>datasheet</a:t>
            </a:r>
            <a:endParaRPr lang="en-US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Existing Implementations – Products| Opensource| GitHub etc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i="0" dirty="0">
                <a:solidFill>
                  <a:srgbClr val="000000"/>
                </a:solidFill>
                <a:effectLst/>
                <a:latin typeface="FSBrabo"/>
              </a:rPr>
              <a:t>Aerial Drones for Fire Disaster Respons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000000"/>
                </a:solidFill>
                <a:effectLst/>
                <a:latin typeface="Relative Book"/>
              </a:rPr>
              <a:t>10.5772/intechopen.1002525</a:t>
            </a:r>
            <a:endParaRPr lang="en-IN" b="0" i="0" dirty="0">
              <a:solidFill>
                <a:srgbClr val="000000"/>
              </a:solidFill>
              <a:effectLst/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DJI ENTERPRISE – </a:t>
            </a:r>
            <a:r>
              <a:rPr lang="en-IN" b="1" dirty="0" err="1">
                <a:latin typeface="Verdana" panose="020B0604030504040204" pitchFamily="34" charset="0"/>
                <a:ea typeface="Verdana" panose="020B0604030504040204" pitchFamily="34" charset="0"/>
              </a:rPr>
              <a:t>Firefightinng</a:t>
            </a: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r>
              <a:rPr lang="en-US" i="0" dirty="0">
                <a:solidFill>
                  <a:schemeClr val="tx1"/>
                </a:solidFill>
                <a:effectLst/>
                <a:latin typeface="Open Sans" panose="020B0606030504020204" pitchFamily="34" charset="0"/>
              </a:rPr>
              <a:t>https://enterprise.dji.com/public-safety/firefighting</a:t>
            </a:r>
            <a:r>
              <a:rPr lang="en-US" b="1" i="0" dirty="0">
                <a:solidFill>
                  <a:srgbClr val="FFFFFF"/>
                </a:solidFill>
                <a:effectLst/>
                <a:latin typeface="Open Sans" panose="020B0606030504020204" pitchFamily="34" charset="0"/>
              </a:rPr>
              <a:t>Firefighting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38241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C6844D3-0B34-E440-8562-0EBBCE6CD72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88D7664-2954-2DEE-0F36-EE6CFF1065AC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6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7C1DD96F-B851-93EE-E9EF-03723BCBDA7A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nalysis - SWOT</a:t>
            </a:r>
            <a:endParaRPr dirty="0"/>
          </a:p>
        </p:txBody>
      </p:sp>
      <p:grpSp>
        <p:nvGrpSpPr>
          <p:cNvPr id="2" name="Google Shape;488;p10">
            <a:extLst>
              <a:ext uri="{FF2B5EF4-FFF2-40B4-BE49-F238E27FC236}">
                <a16:creationId xmlns:a16="http://schemas.microsoft.com/office/drawing/2014/main" id="{269C34FF-CDA4-B8DA-6F30-CF6FDF5266E1}"/>
              </a:ext>
            </a:extLst>
          </p:cNvPr>
          <p:cNvGrpSpPr/>
          <p:nvPr/>
        </p:nvGrpSpPr>
        <p:grpSpPr>
          <a:xfrm>
            <a:off x="213106" y="1087852"/>
            <a:ext cx="6735756" cy="3029576"/>
            <a:chOff x="928691" y="421011"/>
            <a:chExt cx="2812894" cy="2272239"/>
          </a:xfrm>
        </p:grpSpPr>
        <p:sp>
          <p:nvSpPr>
            <p:cNvPr id="6" name="Google Shape;489;p10">
              <a:extLst>
                <a:ext uri="{FF2B5EF4-FFF2-40B4-BE49-F238E27FC236}">
                  <a16:creationId xmlns:a16="http://schemas.microsoft.com/office/drawing/2014/main" id="{F9A37DA5-F2CD-1F6B-42EC-AAC693394F99}"/>
                </a:ext>
              </a:extLst>
            </p:cNvPr>
            <p:cNvSpPr/>
            <p:nvPr/>
          </p:nvSpPr>
          <p:spPr>
            <a:xfrm>
              <a:off x="2842986" y="1102623"/>
              <a:ext cx="898599" cy="431632"/>
            </a:xfrm>
            <a:custGeom>
              <a:avLst/>
              <a:gdLst/>
              <a:ahLst/>
              <a:cxnLst/>
              <a:rect l="l" t="t" r="r" b="b"/>
              <a:pathLst>
                <a:path w="52055" h="25004" fill="none" extrusionOk="0">
                  <a:moveTo>
                    <a:pt x="52055" y="25004"/>
                  </a:moveTo>
                  <a:lnTo>
                    <a:pt x="27052" y="1"/>
                  </a:lnTo>
                  <a:lnTo>
                    <a:pt x="1" y="1"/>
                  </a:lnTo>
                </a:path>
              </a:pathLst>
            </a:custGeom>
            <a:noFill/>
            <a:ln w="11025" cap="flat" cmpd="sng">
              <a:solidFill>
                <a:schemeClr val="accent6"/>
              </a:solidFill>
              <a:prstDash val="solid"/>
              <a:miter lim="11906"/>
              <a:headEnd type="none" w="sm" len="sm"/>
              <a:tailEnd type="none" w="sm" len="sm"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7" name="Google Shape;490;p10">
              <a:extLst>
                <a:ext uri="{FF2B5EF4-FFF2-40B4-BE49-F238E27FC236}">
                  <a16:creationId xmlns:a16="http://schemas.microsoft.com/office/drawing/2014/main" id="{3842D460-7852-7143-8294-DAE6FB2A59E6}"/>
                </a:ext>
              </a:extLst>
            </p:cNvPr>
            <p:cNvGrpSpPr/>
            <p:nvPr/>
          </p:nvGrpSpPr>
          <p:grpSpPr>
            <a:xfrm>
              <a:off x="928691" y="421011"/>
              <a:ext cx="1901510" cy="2272239"/>
              <a:chOff x="928691" y="421011"/>
              <a:chExt cx="1901510" cy="2272239"/>
            </a:xfrm>
          </p:grpSpPr>
          <p:sp>
            <p:nvSpPr>
              <p:cNvPr id="8" name="Google Shape;491;p10">
                <a:extLst>
                  <a:ext uri="{FF2B5EF4-FFF2-40B4-BE49-F238E27FC236}">
                    <a16:creationId xmlns:a16="http://schemas.microsoft.com/office/drawing/2014/main" id="{E5FE54F9-1A63-D277-24B9-BD4404A327F6}"/>
                  </a:ext>
                </a:extLst>
              </p:cNvPr>
              <p:cNvSpPr txBox="1"/>
              <p:nvPr/>
            </p:nvSpPr>
            <p:spPr>
              <a:xfrm>
                <a:off x="945601" y="1279050"/>
                <a:ext cx="1884600" cy="14142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S1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High-resolution imaging provides detailed situational awareness.</a:t>
                </a:r>
                <a:endParaRPr lang="en-US"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S2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Real-time communication enhances coordination and decision-making.</a:t>
                </a:r>
                <a:endParaRPr lang="en-US"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S3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Autonomous navigation allows for operation in challenging environments without constant human intervention.</a:t>
                </a:r>
                <a:endParaRPr dirty="0"/>
              </a:p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</p:txBody>
          </p:sp>
          <p:sp>
            <p:nvSpPr>
              <p:cNvPr id="9" name="Google Shape;492;p10">
                <a:extLst>
                  <a:ext uri="{FF2B5EF4-FFF2-40B4-BE49-F238E27FC236}">
                    <a16:creationId xmlns:a16="http://schemas.microsoft.com/office/drawing/2014/main" id="{E4482AD6-2715-CF44-0AD5-5E77FB24E6FD}"/>
                  </a:ext>
                </a:extLst>
              </p:cNvPr>
              <p:cNvSpPr txBox="1"/>
              <p:nvPr/>
            </p:nvSpPr>
            <p:spPr>
              <a:xfrm>
                <a:off x="928691" y="421011"/>
                <a:ext cx="1884600" cy="4296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2267" b="1" dirty="0">
                    <a:solidFill>
                      <a:schemeClr val="accent6"/>
                    </a:solidFill>
                    <a:latin typeface="Fira Sans Extra Condensed Medium"/>
                    <a:ea typeface="Fira Sans Extra Condensed Medium"/>
                    <a:cs typeface="Fira Sans Extra Condensed Medium"/>
                    <a:sym typeface="Fira Sans Extra Condensed Medium"/>
                  </a:rPr>
                  <a:t>Strengths</a:t>
                </a:r>
                <a:endParaRPr sz="2267" b="1" dirty="0">
                  <a:solidFill>
                    <a:schemeClr val="accent6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endParaRPr>
              </a:p>
            </p:txBody>
          </p:sp>
        </p:grpSp>
      </p:grpSp>
      <p:grpSp>
        <p:nvGrpSpPr>
          <p:cNvPr id="10" name="Google Shape;483;p10">
            <a:extLst>
              <a:ext uri="{FF2B5EF4-FFF2-40B4-BE49-F238E27FC236}">
                <a16:creationId xmlns:a16="http://schemas.microsoft.com/office/drawing/2014/main" id="{A77B6CF2-86FF-F242-427B-686D0329AF30}"/>
              </a:ext>
            </a:extLst>
          </p:cNvPr>
          <p:cNvGrpSpPr/>
          <p:nvPr/>
        </p:nvGrpSpPr>
        <p:grpSpPr>
          <a:xfrm>
            <a:off x="6918064" y="990976"/>
            <a:ext cx="5273936" cy="2767972"/>
            <a:chOff x="5188548" y="1062506"/>
            <a:chExt cx="3955451" cy="1459517"/>
          </a:xfrm>
        </p:grpSpPr>
        <p:sp>
          <p:nvSpPr>
            <p:cNvPr id="11" name="Google Shape;484;p10">
              <a:extLst>
                <a:ext uri="{FF2B5EF4-FFF2-40B4-BE49-F238E27FC236}">
                  <a16:creationId xmlns:a16="http://schemas.microsoft.com/office/drawing/2014/main" id="{6800CA5A-EB54-7A93-DB12-7831175802B6}"/>
                </a:ext>
              </a:extLst>
            </p:cNvPr>
            <p:cNvSpPr/>
            <p:nvPr/>
          </p:nvSpPr>
          <p:spPr>
            <a:xfrm>
              <a:off x="5188548" y="1644028"/>
              <a:ext cx="898599" cy="431632"/>
            </a:xfrm>
            <a:custGeom>
              <a:avLst/>
              <a:gdLst/>
              <a:ahLst/>
              <a:cxnLst/>
              <a:rect l="l" t="t" r="r" b="b"/>
              <a:pathLst>
                <a:path w="52055" h="25004" fill="none" extrusionOk="0">
                  <a:moveTo>
                    <a:pt x="0" y="25004"/>
                  </a:moveTo>
                  <a:lnTo>
                    <a:pt x="25003" y="1"/>
                  </a:lnTo>
                  <a:lnTo>
                    <a:pt x="52054" y="1"/>
                  </a:lnTo>
                </a:path>
              </a:pathLst>
            </a:custGeom>
            <a:noFill/>
            <a:ln w="11025" cap="flat" cmpd="sng">
              <a:solidFill>
                <a:schemeClr val="accent1"/>
              </a:solidFill>
              <a:prstDash val="solid"/>
              <a:miter lim="11906"/>
              <a:headEnd type="none" w="sm" len="sm"/>
              <a:tailEnd type="none" w="sm" len="sm"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12" name="Google Shape;485;p10">
              <a:extLst>
                <a:ext uri="{FF2B5EF4-FFF2-40B4-BE49-F238E27FC236}">
                  <a16:creationId xmlns:a16="http://schemas.microsoft.com/office/drawing/2014/main" id="{3A1B4FA6-53DA-BECD-B941-81C8CB1EFA80}"/>
                </a:ext>
              </a:extLst>
            </p:cNvPr>
            <p:cNvGrpSpPr/>
            <p:nvPr/>
          </p:nvGrpSpPr>
          <p:grpSpPr>
            <a:xfrm>
              <a:off x="6267501" y="1062506"/>
              <a:ext cx="2876498" cy="1459517"/>
              <a:chOff x="6267501" y="1062506"/>
              <a:chExt cx="2876498" cy="1459517"/>
            </a:xfrm>
          </p:grpSpPr>
          <p:sp>
            <p:nvSpPr>
              <p:cNvPr id="13" name="Google Shape;486;p10">
                <a:extLst>
                  <a:ext uri="{FF2B5EF4-FFF2-40B4-BE49-F238E27FC236}">
                    <a16:creationId xmlns:a16="http://schemas.microsoft.com/office/drawing/2014/main" id="{972EB651-2134-7EAB-B40B-35978B6FCF59}"/>
                  </a:ext>
                </a:extLst>
              </p:cNvPr>
              <p:cNvSpPr txBox="1"/>
              <p:nvPr/>
            </p:nvSpPr>
            <p:spPr>
              <a:xfrm>
                <a:off x="6551742" y="1062506"/>
                <a:ext cx="1884600" cy="4296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2267" b="1">
                    <a:solidFill>
                      <a:schemeClr val="accent1"/>
                    </a:solidFill>
                    <a:latin typeface="Fira Sans Extra Condensed Medium"/>
                    <a:ea typeface="Fira Sans Extra Condensed Medium"/>
                    <a:cs typeface="Fira Sans Extra Condensed Medium"/>
                    <a:sym typeface="Fira Sans Extra Condensed Medium"/>
                  </a:rPr>
                  <a:t>Weaknesses</a:t>
                </a:r>
                <a:endParaRPr sz="2267" b="1">
                  <a:solidFill>
                    <a:schemeClr val="accent1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endParaRPr>
              </a:p>
            </p:txBody>
          </p:sp>
          <p:sp>
            <p:nvSpPr>
              <p:cNvPr id="14" name="Google Shape;487;p10">
                <a:extLst>
                  <a:ext uri="{FF2B5EF4-FFF2-40B4-BE49-F238E27FC236}">
                    <a16:creationId xmlns:a16="http://schemas.microsoft.com/office/drawing/2014/main" id="{C0ADCA5D-65F3-914E-8EA9-6F13EA0D1DE6}"/>
                  </a:ext>
                </a:extLst>
              </p:cNvPr>
              <p:cNvSpPr txBox="1"/>
              <p:nvPr/>
            </p:nvSpPr>
            <p:spPr>
              <a:xfrm>
                <a:off x="6267501" y="1411722"/>
                <a:ext cx="2876498" cy="1110301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W1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Battery limitations restrict flight time and range.</a:t>
                </a:r>
                <a:endParaRPr lang="en-US"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W2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Dependence on communication infrastructure may affect performance in areas with poor connectivity.</a:t>
                </a: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</p:txBody>
          </p:sp>
        </p:grpSp>
      </p:grpSp>
      <p:grpSp>
        <p:nvGrpSpPr>
          <p:cNvPr id="15" name="Google Shape;493;p10">
            <a:extLst>
              <a:ext uri="{FF2B5EF4-FFF2-40B4-BE49-F238E27FC236}">
                <a16:creationId xmlns:a16="http://schemas.microsoft.com/office/drawing/2014/main" id="{851F0995-F55B-90A8-117C-17925C68C4C1}"/>
              </a:ext>
            </a:extLst>
          </p:cNvPr>
          <p:cNvGrpSpPr/>
          <p:nvPr/>
        </p:nvGrpSpPr>
        <p:grpSpPr>
          <a:xfrm>
            <a:off x="7146964" y="3874140"/>
            <a:ext cx="4796743" cy="2343493"/>
            <a:chOff x="5188548" y="2952300"/>
            <a:chExt cx="3642174" cy="1757663"/>
          </a:xfrm>
        </p:grpSpPr>
        <p:sp>
          <p:nvSpPr>
            <p:cNvPr id="16" name="Google Shape;494;p10">
              <a:extLst>
                <a:ext uri="{FF2B5EF4-FFF2-40B4-BE49-F238E27FC236}">
                  <a16:creationId xmlns:a16="http://schemas.microsoft.com/office/drawing/2014/main" id="{B778ABFC-F572-C69A-D4CA-CCE0E3C52B75}"/>
                </a:ext>
              </a:extLst>
            </p:cNvPr>
            <p:cNvSpPr/>
            <p:nvPr/>
          </p:nvSpPr>
          <p:spPr>
            <a:xfrm>
              <a:off x="5188548" y="3381901"/>
              <a:ext cx="898599" cy="431632"/>
            </a:xfrm>
            <a:custGeom>
              <a:avLst/>
              <a:gdLst/>
              <a:ahLst/>
              <a:cxnLst/>
              <a:rect l="l" t="t" r="r" b="b"/>
              <a:pathLst>
                <a:path w="52055" h="25004" fill="none" extrusionOk="0">
                  <a:moveTo>
                    <a:pt x="0" y="1"/>
                  </a:moveTo>
                  <a:lnTo>
                    <a:pt x="25003" y="25004"/>
                  </a:lnTo>
                  <a:lnTo>
                    <a:pt x="52054" y="25004"/>
                  </a:lnTo>
                </a:path>
              </a:pathLst>
            </a:custGeom>
            <a:noFill/>
            <a:ln w="11025" cap="flat" cmpd="sng">
              <a:solidFill>
                <a:schemeClr val="accent5"/>
              </a:solidFill>
              <a:prstDash val="solid"/>
              <a:miter lim="11906"/>
              <a:headEnd type="none" w="sm" len="sm"/>
              <a:tailEnd type="none" w="sm" len="sm"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17" name="Google Shape;495;p10">
              <a:extLst>
                <a:ext uri="{FF2B5EF4-FFF2-40B4-BE49-F238E27FC236}">
                  <a16:creationId xmlns:a16="http://schemas.microsoft.com/office/drawing/2014/main" id="{5EAB7177-C39F-1239-7629-99522C12A496}"/>
                </a:ext>
              </a:extLst>
            </p:cNvPr>
            <p:cNvGrpSpPr/>
            <p:nvPr/>
          </p:nvGrpSpPr>
          <p:grpSpPr>
            <a:xfrm>
              <a:off x="6312222" y="2952300"/>
              <a:ext cx="2518500" cy="1757663"/>
              <a:chOff x="6312222" y="2952300"/>
              <a:chExt cx="2518500" cy="1757663"/>
            </a:xfrm>
          </p:grpSpPr>
          <p:sp>
            <p:nvSpPr>
              <p:cNvPr id="18" name="Google Shape;496;p10">
                <a:extLst>
                  <a:ext uri="{FF2B5EF4-FFF2-40B4-BE49-F238E27FC236}">
                    <a16:creationId xmlns:a16="http://schemas.microsoft.com/office/drawing/2014/main" id="{5212DB45-A20F-41FD-6D1A-C0A3D72DE187}"/>
                  </a:ext>
                </a:extLst>
              </p:cNvPr>
              <p:cNvSpPr txBox="1"/>
              <p:nvPr/>
            </p:nvSpPr>
            <p:spPr>
              <a:xfrm>
                <a:off x="6524669" y="2952300"/>
                <a:ext cx="1884600" cy="4296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2267" b="1">
                    <a:solidFill>
                      <a:schemeClr val="accent5"/>
                    </a:solidFill>
                    <a:latin typeface="Fira Sans Extra Condensed Medium"/>
                    <a:ea typeface="Fira Sans Extra Condensed Medium"/>
                    <a:cs typeface="Fira Sans Extra Condensed Medium"/>
                    <a:sym typeface="Fira Sans Extra Condensed Medium"/>
                  </a:rPr>
                  <a:t>Threats</a:t>
                </a:r>
                <a:endParaRPr sz="2267" b="1">
                  <a:solidFill>
                    <a:schemeClr val="accent5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endParaRPr>
              </a:p>
            </p:txBody>
          </p:sp>
          <p:sp>
            <p:nvSpPr>
              <p:cNvPr id="19" name="Google Shape;497;p10">
                <a:extLst>
                  <a:ext uri="{FF2B5EF4-FFF2-40B4-BE49-F238E27FC236}">
                    <a16:creationId xmlns:a16="http://schemas.microsoft.com/office/drawing/2014/main" id="{B04B8B1B-38AA-9E17-833E-007F20119B83}"/>
                  </a:ext>
                </a:extLst>
              </p:cNvPr>
              <p:cNvSpPr txBox="1"/>
              <p:nvPr/>
            </p:nvSpPr>
            <p:spPr>
              <a:xfrm>
                <a:off x="6312222" y="3684263"/>
                <a:ext cx="2518500" cy="10257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T1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Potential for signal interference or hacking, compromising communication and control</a:t>
                </a: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T2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Environmental challenges (e.g., severe weather conditions) that could affect drone operation.</a:t>
                </a: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</p:txBody>
          </p:sp>
        </p:grpSp>
      </p:grpSp>
      <p:grpSp>
        <p:nvGrpSpPr>
          <p:cNvPr id="20" name="Google Shape;498;p10">
            <a:extLst>
              <a:ext uri="{FF2B5EF4-FFF2-40B4-BE49-F238E27FC236}">
                <a16:creationId xmlns:a16="http://schemas.microsoft.com/office/drawing/2014/main" id="{0CBBCAA6-6560-FA17-7D57-8348284DB434}"/>
              </a:ext>
            </a:extLst>
          </p:cNvPr>
          <p:cNvGrpSpPr/>
          <p:nvPr/>
        </p:nvGrpSpPr>
        <p:grpSpPr>
          <a:xfrm>
            <a:off x="137062" y="4005219"/>
            <a:ext cx="6144280" cy="2459730"/>
            <a:chOff x="883632" y="3081884"/>
            <a:chExt cx="4608325" cy="1844843"/>
          </a:xfrm>
        </p:grpSpPr>
        <p:sp>
          <p:nvSpPr>
            <p:cNvPr id="21" name="Google Shape;499;p10">
              <a:extLst>
                <a:ext uri="{FF2B5EF4-FFF2-40B4-BE49-F238E27FC236}">
                  <a16:creationId xmlns:a16="http://schemas.microsoft.com/office/drawing/2014/main" id="{FCCD4B41-5E74-FF67-70B0-F0BC132EC36D}"/>
                </a:ext>
              </a:extLst>
            </p:cNvPr>
            <p:cNvSpPr/>
            <p:nvPr/>
          </p:nvSpPr>
          <p:spPr>
            <a:xfrm>
              <a:off x="4593358" y="3752480"/>
              <a:ext cx="898599" cy="431632"/>
            </a:xfrm>
            <a:custGeom>
              <a:avLst/>
              <a:gdLst/>
              <a:ahLst/>
              <a:cxnLst/>
              <a:rect l="l" t="t" r="r" b="b"/>
              <a:pathLst>
                <a:path w="52055" h="25004" fill="none" extrusionOk="0">
                  <a:moveTo>
                    <a:pt x="52055" y="1"/>
                  </a:moveTo>
                  <a:lnTo>
                    <a:pt x="27052" y="25004"/>
                  </a:lnTo>
                  <a:lnTo>
                    <a:pt x="1" y="25004"/>
                  </a:lnTo>
                </a:path>
              </a:pathLst>
            </a:custGeom>
            <a:noFill/>
            <a:ln w="11025" cap="flat" cmpd="sng">
              <a:solidFill>
                <a:srgbClr val="4949E7"/>
              </a:solidFill>
              <a:prstDash val="solid"/>
              <a:miter lim="11906"/>
              <a:headEnd type="none" w="sm" len="sm"/>
              <a:tailEnd type="none" w="sm" len="sm"/>
            </a:ln>
          </p:spPr>
          <p:txBody>
            <a:bodyPr spcFirstLastPara="1" wrap="square" lIns="121900" tIns="121900" rIns="121900" bIns="121900" anchor="ctr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240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22" name="Google Shape;500;p10">
              <a:extLst>
                <a:ext uri="{FF2B5EF4-FFF2-40B4-BE49-F238E27FC236}">
                  <a16:creationId xmlns:a16="http://schemas.microsoft.com/office/drawing/2014/main" id="{17FE35FF-8B7E-E9E7-8527-E09AB60643CC}"/>
                </a:ext>
              </a:extLst>
            </p:cNvPr>
            <p:cNvGrpSpPr/>
            <p:nvPr/>
          </p:nvGrpSpPr>
          <p:grpSpPr>
            <a:xfrm>
              <a:off x="883632" y="3081884"/>
              <a:ext cx="3731700" cy="1844843"/>
              <a:chOff x="883632" y="3081884"/>
              <a:chExt cx="3731700" cy="1844843"/>
            </a:xfrm>
          </p:grpSpPr>
          <p:sp>
            <p:nvSpPr>
              <p:cNvPr id="23" name="Google Shape;501;p10">
                <a:extLst>
                  <a:ext uri="{FF2B5EF4-FFF2-40B4-BE49-F238E27FC236}">
                    <a16:creationId xmlns:a16="http://schemas.microsoft.com/office/drawing/2014/main" id="{03503BC4-C7F7-58DD-2A9E-CB57CF9F3C02}"/>
                  </a:ext>
                </a:extLst>
              </p:cNvPr>
              <p:cNvSpPr txBox="1"/>
              <p:nvPr/>
            </p:nvSpPr>
            <p:spPr>
              <a:xfrm>
                <a:off x="1648589" y="3081884"/>
                <a:ext cx="1884600" cy="4296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2267" b="1" dirty="0">
                    <a:solidFill>
                      <a:schemeClr val="accent4"/>
                    </a:solidFill>
                    <a:latin typeface="Fira Sans Extra Condensed Medium"/>
                    <a:ea typeface="Fira Sans Extra Condensed Medium"/>
                    <a:cs typeface="Fira Sans Extra Condensed Medium"/>
                    <a:sym typeface="Fira Sans Extra Condensed Medium"/>
                  </a:rPr>
                  <a:t>Opportunities</a:t>
                </a:r>
                <a:endParaRPr sz="2267" b="1" dirty="0">
                  <a:solidFill>
                    <a:schemeClr val="accent4"/>
                  </a:solidFill>
                  <a:latin typeface="Fira Sans Extra Condensed Medium"/>
                  <a:ea typeface="Fira Sans Extra Condensed Medium"/>
                  <a:cs typeface="Fira Sans Extra Condensed Medium"/>
                  <a:sym typeface="Fira Sans Extra Condensed Medium"/>
                </a:endParaRPr>
              </a:p>
            </p:txBody>
          </p:sp>
          <p:sp>
            <p:nvSpPr>
              <p:cNvPr id="24" name="Google Shape;502;p10">
                <a:extLst>
                  <a:ext uri="{FF2B5EF4-FFF2-40B4-BE49-F238E27FC236}">
                    <a16:creationId xmlns:a16="http://schemas.microsoft.com/office/drawing/2014/main" id="{AC7A30F9-F59B-EFB5-7884-DDBA25372777}"/>
                  </a:ext>
                </a:extLst>
              </p:cNvPr>
              <p:cNvSpPr txBox="1"/>
              <p:nvPr/>
            </p:nvSpPr>
            <p:spPr>
              <a:xfrm>
                <a:off x="883632" y="3901027"/>
                <a:ext cx="3731700" cy="1025700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O1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Increasing need for efficient disaster response solutions worldwide.</a:t>
                </a:r>
                <a:endParaRPr lang="en-US"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02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Potential partnerships with government agencies, NGOs, and private sectors involved in disaster management.</a:t>
                </a: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r>
                  <a:rPr lang="en-US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O3. </a:t>
                </a:r>
                <a:r>
                  <a:rPr lang="en-GB" sz="1600" dirty="0">
                    <a:solidFill>
                      <a:srgbClr val="434343"/>
                    </a:solidFill>
                    <a:latin typeface="Roboto"/>
                    <a:ea typeface="Roboto"/>
                    <a:cs typeface="Roboto"/>
                    <a:sym typeface="Roboto"/>
                  </a:rPr>
                  <a:t>Expansion into other applications, such as surveillance, wildlife monitoring, and infrastructure inspection.</a:t>
                </a:r>
                <a:endParaRPr lang="en-US"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dirty="0"/>
              </a:p>
              <a:p>
                <a:pPr marL="0" marR="0" lvl="0" indent="0" algn="just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600" dirty="0">
                  <a:solidFill>
                    <a:srgbClr val="434343"/>
                  </a:solidFill>
                  <a:latin typeface="Roboto"/>
                  <a:ea typeface="Roboto"/>
                  <a:cs typeface="Roboto"/>
                  <a:sym typeface="Roboto"/>
                </a:endParaRPr>
              </a:p>
            </p:txBody>
          </p:sp>
        </p:grpSp>
      </p:grpSp>
      <p:grpSp>
        <p:nvGrpSpPr>
          <p:cNvPr id="25" name="Google Shape;503;p10">
            <a:extLst>
              <a:ext uri="{FF2B5EF4-FFF2-40B4-BE49-F238E27FC236}">
                <a16:creationId xmlns:a16="http://schemas.microsoft.com/office/drawing/2014/main" id="{4972E0CD-3D20-E3B7-45A5-FDFA71288317}"/>
              </a:ext>
            </a:extLst>
          </p:cNvPr>
          <p:cNvGrpSpPr/>
          <p:nvPr/>
        </p:nvGrpSpPr>
        <p:grpSpPr>
          <a:xfrm>
            <a:off x="4552034" y="1946021"/>
            <a:ext cx="3978569" cy="3824127"/>
            <a:chOff x="4685401" y="2674734"/>
            <a:chExt cx="3978569" cy="3824127"/>
          </a:xfrm>
        </p:grpSpPr>
        <p:grpSp>
          <p:nvGrpSpPr>
            <p:cNvPr id="26" name="Google Shape;504;p10">
              <a:extLst>
                <a:ext uri="{FF2B5EF4-FFF2-40B4-BE49-F238E27FC236}">
                  <a16:creationId xmlns:a16="http://schemas.microsoft.com/office/drawing/2014/main" id="{026A2EC5-65AC-8A88-3D39-466E52370192}"/>
                </a:ext>
              </a:extLst>
            </p:cNvPr>
            <p:cNvGrpSpPr/>
            <p:nvPr/>
          </p:nvGrpSpPr>
          <p:grpSpPr>
            <a:xfrm>
              <a:off x="4685401" y="2674734"/>
              <a:ext cx="3978569" cy="3824127"/>
              <a:chOff x="4075801" y="1760334"/>
              <a:chExt cx="3978569" cy="3824127"/>
            </a:xfrm>
          </p:grpSpPr>
          <p:sp>
            <p:nvSpPr>
              <p:cNvPr id="31" name="Google Shape;505;p10">
                <a:extLst>
                  <a:ext uri="{FF2B5EF4-FFF2-40B4-BE49-F238E27FC236}">
                    <a16:creationId xmlns:a16="http://schemas.microsoft.com/office/drawing/2014/main" id="{73B99A81-7B7C-C20D-0E1A-1AA8D8B99488}"/>
                  </a:ext>
                </a:extLst>
              </p:cNvPr>
              <p:cNvSpPr/>
              <p:nvPr/>
            </p:nvSpPr>
            <p:spPr>
              <a:xfrm>
                <a:off x="4075801" y="1760334"/>
                <a:ext cx="3978569" cy="3824127"/>
              </a:xfrm>
              <a:custGeom>
                <a:avLst/>
                <a:gdLst/>
                <a:ahLst/>
                <a:cxnLst/>
                <a:rect l="l" t="t" r="r" b="b"/>
                <a:pathLst>
                  <a:path w="172856" h="166146" extrusionOk="0">
                    <a:moveTo>
                      <a:pt x="86429" y="0"/>
                    </a:moveTo>
                    <a:cubicBezTo>
                      <a:pt x="77617" y="0"/>
                      <a:pt x="68807" y="3355"/>
                      <a:pt x="62104" y="10064"/>
                    </a:cubicBezTo>
                    <a:cubicBezTo>
                      <a:pt x="48673" y="23494"/>
                      <a:pt x="26837" y="45318"/>
                      <a:pt x="13419" y="58749"/>
                    </a:cubicBezTo>
                    <a:cubicBezTo>
                      <a:pt x="1" y="72167"/>
                      <a:pt x="1" y="93991"/>
                      <a:pt x="13419" y="107409"/>
                    </a:cubicBezTo>
                    <a:cubicBezTo>
                      <a:pt x="26837" y="120828"/>
                      <a:pt x="48673" y="142664"/>
                      <a:pt x="62092" y="156082"/>
                    </a:cubicBezTo>
                    <a:cubicBezTo>
                      <a:pt x="68801" y="162791"/>
                      <a:pt x="77614" y="166146"/>
                      <a:pt x="86428" y="166146"/>
                    </a:cubicBezTo>
                    <a:cubicBezTo>
                      <a:pt x="95242" y="166146"/>
                      <a:pt x="104055" y="162791"/>
                      <a:pt x="110764" y="156082"/>
                    </a:cubicBezTo>
                    <a:cubicBezTo>
                      <a:pt x="124183" y="142664"/>
                      <a:pt x="146019" y="120828"/>
                      <a:pt x="159437" y="107409"/>
                    </a:cubicBezTo>
                    <a:cubicBezTo>
                      <a:pt x="172855" y="93991"/>
                      <a:pt x="172855" y="72155"/>
                      <a:pt x="159437" y="58737"/>
                    </a:cubicBezTo>
                    <a:cubicBezTo>
                      <a:pt x="146019" y="45318"/>
                      <a:pt x="124183" y="23482"/>
                      <a:pt x="110764" y="10064"/>
                    </a:cubicBezTo>
                    <a:cubicBezTo>
                      <a:pt x="104055" y="3355"/>
                      <a:pt x="95242" y="0"/>
                      <a:pt x="86429" y="0"/>
                    </a:cubicBezTo>
                    <a:close/>
                  </a:path>
                </a:pathLst>
              </a:custGeom>
              <a:solidFill>
                <a:srgbClr val="EEEEEE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24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grpSp>
            <p:nvGrpSpPr>
              <p:cNvPr id="32" name="Google Shape;506;p10">
                <a:extLst>
                  <a:ext uri="{FF2B5EF4-FFF2-40B4-BE49-F238E27FC236}">
                    <a16:creationId xmlns:a16="http://schemas.microsoft.com/office/drawing/2014/main" id="{31E54862-E10E-F1D1-D2F7-D73D1EAD9A00}"/>
                  </a:ext>
                </a:extLst>
              </p:cNvPr>
              <p:cNvGrpSpPr/>
              <p:nvPr/>
            </p:nvGrpSpPr>
            <p:grpSpPr>
              <a:xfrm>
                <a:off x="4273832" y="1959046"/>
                <a:ext cx="3582661" cy="3426984"/>
                <a:chOff x="3205454" y="1469321"/>
                <a:chExt cx="2687063" cy="2570302"/>
              </a:xfrm>
            </p:grpSpPr>
            <p:sp>
              <p:nvSpPr>
                <p:cNvPr id="82" name="Google Shape;507;p10">
                  <a:extLst>
                    <a:ext uri="{FF2B5EF4-FFF2-40B4-BE49-F238E27FC236}">
                      <a16:creationId xmlns:a16="http://schemas.microsoft.com/office/drawing/2014/main" id="{BEC790A4-3ADE-CC0A-E162-5C3BAAD843D1}"/>
                    </a:ext>
                  </a:extLst>
                </p:cNvPr>
                <p:cNvSpPr/>
                <p:nvPr/>
              </p:nvSpPr>
              <p:spPr>
                <a:xfrm>
                  <a:off x="3205454" y="1964889"/>
                  <a:ext cx="683612" cy="1582609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9601" h="91679" extrusionOk="0">
                      <a:moveTo>
                        <a:pt x="34719" y="0"/>
                      </a:moveTo>
                      <a:lnTo>
                        <a:pt x="13538" y="21193"/>
                      </a:lnTo>
                      <a:cubicBezTo>
                        <a:pt x="1" y="34731"/>
                        <a:pt x="1" y="56745"/>
                        <a:pt x="13538" y="70283"/>
                      </a:cubicBezTo>
                      <a:lnTo>
                        <a:pt x="34922" y="91678"/>
                      </a:lnTo>
                      <a:lnTo>
                        <a:pt x="39601" y="86999"/>
                      </a:lnTo>
                      <a:cubicBezTo>
                        <a:pt x="31909" y="79307"/>
                        <a:pt x="24075" y="71473"/>
                        <a:pt x="18205" y="65603"/>
                      </a:cubicBezTo>
                      <a:cubicBezTo>
                        <a:pt x="7252" y="54650"/>
                        <a:pt x="7252" y="36826"/>
                        <a:pt x="18205" y="25872"/>
                      </a:cubicBezTo>
                      <a:lnTo>
                        <a:pt x="39399" y="4679"/>
                      </a:lnTo>
                      <a:lnTo>
                        <a:pt x="34719" y="0"/>
                      </a:lnTo>
                      <a:close/>
                    </a:path>
                  </a:pathLst>
                </a:custGeom>
                <a:solidFill>
                  <a:srgbClr val="2020BA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83" name="Google Shape;508;p10">
                  <a:extLst>
                    <a:ext uri="{FF2B5EF4-FFF2-40B4-BE49-F238E27FC236}">
                      <a16:creationId xmlns:a16="http://schemas.microsoft.com/office/drawing/2014/main" id="{8B5D94CB-EF68-7A6E-554A-F2A35E8DD195}"/>
                    </a:ext>
                  </a:extLst>
                </p:cNvPr>
                <p:cNvSpPr/>
                <p:nvPr/>
              </p:nvSpPr>
              <p:spPr>
                <a:xfrm>
                  <a:off x="3804826" y="1469321"/>
                  <a:ext cx="1537191" cy="62523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89048" h="36219" extrusionOk="0">
                      <a:moveTo>
                        <a:pt x="43101" y="0"/>
                      </a:moveTo>
                      <a:cubicBezTo>
                        <a:pt x="33826" y="0"/>
                        <a:pt x="25111" y="3608"/>
                        <a:pt x="18562" y="10156"/>
                      </a:cubicBezTo>
                      <a:lnTo>
                        <a:pt x="0" y="28706"/>
                      </a:lnTo>
                      <a:lnTo>
                        <a:pt x="4680" y="33385"/>
                      </a:lnTo>
                      <a:cubicBezTo>
                        <a:pt x="11430" y="26634"/>
                        <a:pt x="18086" y="19979"/>
                        <a:pt x="23229" y="14823"/>
                      </a:cubicBezTo>
                      <a:cubicBezTo>
                        <a:pt x="28712" y="9347"/>
                        <a:pt x="35910" y="6608"/>
                        <a:pt x="43105" y="6608"/>
                      </a:cubicBezTo>
                      <a:cubicBezTo>
                        <a:pt x="50301" y="6608"/>
                        <a:pt x="57496" y="9347"/>
                        <a:pt x="62973" y="14823"/>
                      </a:cubicBezTo>
                      <a:lnTo>
                        <a:pt x="84368" y="36219"/>
                      </a:lnTo>
                      <a:lnTo>
                        <a:pt x="89047" y="31540"/>
                      </a:lnTo>
                      <a:lnTo>
                        <a:pt x="67652" y="10156"/>
                      </a:lnTo>
                      <a:cubicBezTo>
                        <a:pt x="61103" y="3608"/>
                        <a:pt x="52388" y="0"/>
                        <a:pt x="43101" y="0"/>
                      </a:cubicBezTo>
                      <a:close/>
                    </a:path>
                  </a:pathLst>
                </a:custGeom>
                <a:solidFill>
                  <a:srgbClr val="C6282F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84" name="Google Shape;509;p10">
                  <a:extLst>
                    <a:ext uri="{FF2B5EF4-FFF2-40B4-BE49-F238E27FC236}">
                      <a16:creationId xmlns:a16="http://schemas.microsoft.com/office/drawing/2014/main" id="{2C878170-B72E-B26D-212C-B2B28A9BF03D}"/>
                    </a:ext>
                  </a:extLst>
                </p:cNvPr>
                <p:cNvSpPr/>
                <p:nvPr/>
              </p:nvSpPr>
              <p:spPr>
                <a:xfrm>
                  <a:off x="5257602" y="2013797"/>
                  <a:ext cx="634915" cy="14845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6780" h="86000" extrusionOk="0">
                      <a:moveTo>
                        <a:pt x="4894" y="1"/>
                      </a:moveTo>
                      <a:lnTo>
                        <a:pt x="215" y="4680"/>
                      </a:lnTo>
                      <a:lnTo>
                        <a:pt x="18563" y="23027"/>
                      </a:lnTo>
                      <a:cubicBezTo>
                        <a:pt x="29516" y="33981"/>
                        <a:pt x="29516" y="51817"/>
                        <a:pt x="18563" y="62770"/>
                      </a:cubicBezTo>
                      <a:cubicBezTo>
                        <a:pt x="13419" y="67914"/>
                        <a:pt x="6752" y="74569"/>
                        <a:pt x="1" y="81320"/>
                      </a:cubicBezTo>
                      <a:lnTo>
                        <a:pt x="4680" y="85999"/>
                      </a:lnTo>
                      <a:lnTo>
                        <a:pt x="23242" y="67450"/>
                      </a:lnTo>
                      <a:cubicBezTo>
                        <a:pt x="36779" y="53912"/>
                        <a:pt x="36779" y="31886"/>
                        <a:pt x="23242" y="18348"/>
                      </a:cubicBezTo>
                      <a:lnTo>
                        <a:pt x="4894" y="1"/>
                      </a:lnTo>
                      <a:close/>
                    </a:path>
                  </a:pathLst>
                </a:custGeom>
                <a:solidFill>
                  <a:srgbClr val="4685BC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85" name="Google Shape;510;p10">
                  <a:extLst>
                    <a:ext uri="{FF2B5EF4-FFF2-40B4-BE49-F238E27FC236}">
                      <a16:creationId xmlns:a16="http://schemas.microsoft.com/office/drawing/2014/main" id="{B62E25CC-96F0-262F-2911-786EE2A87D57}"/>
                    </a:ext>
                  </a:extLst>
                </p:cNvPr>
                <p:cNvSpPr/>
                <p:nvPr/>
              </p:nvSpPr>
              <p:spPr>
                <a:xfrm>
                  <a:off x="3808313" y="3417672"/>
                  <a:ext cx="1529993" cy="621951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88631" h="36029" extrusionOk="0">
                      <a:moveTo>
                        <a:pt x="83952" y="0"/>
                      </a:moveTo>
                      <a:cubicBezTo>
                        <a:pt x="76332" y="7632"/>
                        <a:pt x="68581" y="15383"/>
                        <a:pt x="62771" y="21193"/>
                      </a:cubicBezTo>
                      <a:cubicBezTo>
                        <a:pt x="57294" y="26670"/>
                        <a:pt x="50096" y="29409"/>
                        <a:pt x="42899" y="29409"/>
                      </a:cubicBezTo>
                      <a:cubicBezTo>
                        <a:pt x="35702" y="29409"/>
                        <a:pt x="28504" y="26670"/>
                        <a:pt x="23027" y="21193"/>
                      </a:cubicBezTo>
                      <a:cubicBezTo>
                        <a:pt x="17943" y="16098"/>
                        <a:pt x="11359" y="9525"/>
                        <a:pt x="4680" y="2846"/>
                      </a:cubicBezTo>
                      <a:lnTo>
                        <a:pt x="1" y="7525"/>
                      </a:lnTo>
                      <a:lnTo>
                        <a:pt x="18348" y="25873"/>
                      </a:lnTo>
                      <a:cubicBezTo>
                        <a:pt x="24897" y="32421"/>
                        <a:pt x="33612" y="36029"/>
                        <a:pt x="42899" y="36029"/>
                      </a:cubicBezTo>
                      <a:cubicBezTo>
                        <a:pt x="52186" y="36029"/>
                        <a:pt x="60901" y="32421"/>
                        <a:pt x="67450" y="25873"/>
                      </a:cubicBezTo>
                      <a:lnTo>
                        <a:pt x="88631" y="4679"/>
                      </a:lnTo>
                      <a:lnTo>
                        <a:pt x="83952" y="0"/>
                      </a:lnTo>
                      <a:close/>
                    </a:path>
                  </a:pathLst>
                </a:custGeom>
                <a:solidFill>
                  <a:srgbClr val="E0921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grpSp>
            <p:nvGrpSpPr>
              <p:cNvPr id="33" name="Google Shape;511;p10">
                <a:extLst>
                  <a:ext uri="{FF2B5EF4-FFF2-40B4-BE49-F238E27FC236}">
                    <a16:creationId xmlns:a16="http://schemas.microsoft.com/office/drawing/2014/main" id="{17A3F4B7-E997-5B46-9ADA-B5DAFFDF8139}"/>
                  </a:ext>
                </a:extLst>
              </p:cNvPr>
              <p:cNvGrpSpPr/>
              <p:nvPr/>
            </p:nvGrpSpPr>
            <p:grpSpPr>
              <a:xfrm>
                <a:off x="4810835" y="3672494"/>
                <a:ext cx="1254293" cy="1254316"/>
                <a:chOff x="3608126" y="2754370"/>
                <a:chExt cx="940720" cy="940737"/>
              </a:xfrm>
            </p:grpSpPr>
            <p:sp>
              <p:nvSpPr>
                <p:cNvPr id="80" name="Google Shape;512;p10">
                  <a:extLst>
                    <a:ext uri="{FF2B5EF4-FFF2-40B4-BE49-F238E27FC236}">
                      <a16:creationId xmlns:a16="http://schemas.microsoft.com/office/drawing/2014/main" id="{23F642BA-E685-EB4C-377E-63AD1D02A545}"/>
                    </a:ext>
                  </a:extLst>
                </p:cNvPr>
                <p:cNvSpPr/>
                <p:nvPr/>
              </p:nvSpPr>
              <p:spPr>
                <a:xfrm>
                  <a:off x="3608126" y="2754370"/>
                  <a:ext cx="940720" cy="940737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54495" h="54496" extrusionOk="0">
                      <a:moveTo>
                        <a:pt x="27242" y="1"/>
                      </a:moveTo>
                      <a:cubicBezTo>
                        <a:pt x="12216" y="1"/>
                        <a:pt x="0" y="12229"/>
                        <a:pt x="0" y="27254"/>
                      </a:cubicBezTo>
                      <a:cubicBezTo>
                        <a:pt x="0" y="42280"/>
                        <a:pt x="12216" y="54496"/>
                        <a:pt x="27242" y="54496"/>
                      </a:cubicBezTo>
                      <a:cubicBezTo>
                        <a:pt x="42267" y="54496"/>
                        <a:pt x="54495" y="42280"/>
                        <a:pt x="54495" y="27254"/>
                      </a:cubicBezTo>
                      <a:lnTo>
                        <a:pt x="54495" y="1"/>
                      </a:lnTo>
                      <a:close/>
                    </a:path>
                  </a:pathLst>
                </a:custGeom>
                <a:solidFill>
                  <a:srgbClr val="4949E7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81" name="Google Shape;513;p10">
                  <a:extLst>
                    <a:ext uri="{FF2B5EF4-FFF2-40B4-BE49-F238E27FC236}">
                      <a16:creationId xmlns:a16="http://schemas.microsoft.com/office/drawing/2014/main" id="{8229A34C-B825-FE55-DA8D-ED4BB8E07CAA}"/>
                    </a:ext>
                  </a:extLst>
                </p:cNvPr>
                <p:cNvSpPr/>
                <p:nvPr/>
              </p:nvSpPr>
              <p:spPr>
                <a:xfrm>
                  <a:off x="3775219" y="2921482"/>
                  <a:ext cx="606552" cy="60653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5137" h="35136" extrusionOk="0">
                      <a:moveTo>
                        <a:pt x="17563" y="1"/>
                      </a:moveTo>
                      <a:cubicBezTo>
                        <a:pt x="7883" y="1"/>
                        <a:pt x="1" y="7883"/>
                        <a:pt x="1" y="17574"/>
                      </a:cubicBezTo>
                      <a:cubicBezTo>
                        <a:pt x="1" y="27254"/>
                        <a:pt x="7883" y="35136"/>
                        <a:pt x="17563" y="35136"/>
                      </a:cubicBezTo>
                      <a:cubicBezTo>
                        <a:pt x="27254" y="35136"/>
                        <a:pt x="35136" y="27254"/>
                        <a:pt x="35136" y="17574"/>
                      </a:cubicBezTo>
                      <a:lnTo>
                        <a:pt x="35136" y="1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sp>
            <p:nvSpPr>
              <p:cNvPr id="34" name="Google Shape;514;p10">
                <a:extLst>
                  <a:ext uri="{FF2B5EF4-FFF2-40B4-BE49-F238E27FC236}">
                    <a16:creationId xmlns:a16="http://schemas.microsoft.com/office/drawing/2014/main" id="{E93C84C9-B2E5-0244-B60D-F89263B3C129}"/>
                  </a:ext>
                </a:extLst>
              </p:cNvPr>
              <p:cNvSpPr/>
              <p:nvPr/>
            </p:nvSpPr>
            <p:spPr>
              <a:xfrm>
                <a:off x="5174497" y="4091885"/>
                <a:ext cx="489196" cy="412113"/>
              </a:xfrm>
              <a:custGeom>
                <a:avLst/>
                <a:gdLst/>
                <a:ahLst/>
                <a:cxnLst/>
                <a:rect l="l" t="t" r="r" b="b"/>
                <a:pathLst>
                  <a:path w="21254" h="17905" extrusionOk="0">
                    <a:moveTo>
                      <a:pt x="12276" y="4022"/>
                    </a:moveTo>
                    <a:lnTo>
                      <a:pt x="11824" y="11761"/>
                    </a:lnTo>
                    <a:lnTo>
                      <a:pt x="9430" y="11761"/>
                    </a:lnTo>
                    <a:lnTo>
                      <a:pt x="8966" y="4022"/>
                    </a:lnTo>
                    <a:close/>
                    <a:moveTo>
                      <a:pt x="11824" y="13249"/>
                    </a:moveTo>
                    <a:lnTo>
                      <a:pt x="11824" y="15476"/>
                    </a:lnTo>
                    <a:lnTo>
                      <a:pt x="9430" y="15476"/>
                    </a:lnTo>
                    <a:lnTo>
                      <a:pt x="9430" y="13249"/>
                    </a:lnTo>
                    <a:close/>
                    <a:moveTo>
                      <a:pt x="10627" y="0"/>
                    </a:moveTo>
                    <a:cubicBezTo>
                      <a:pt x="9633" y="0"/>
                      <a:pt x="8639" y="492"/>
                      <a:pt x="8073" y="1474"/>
                    </a:cubicBezTo>
                    <a:lnTo>
                      <a:pt x="1144" y="13487"/>
                    </a:lnTo>
                    <a:cubicBezTo>
                      <a:pt x="1" y="15452"/>
                      <a:pt x="1418" y="17904"/>
                      <a:pt x="3692" y="17904"/>
                    </a:cubicBezTo>
                    <a:lnTo>
                      <a:pt x="17562" y="17904"/>
                    </a:lnTo>
                    <a:cubicBezTo>
                      <a:pt x="19836" y="17904"/>
                      <a:pt x="21253" y="15452"/>
                      <a:pt x="20110" y="13487"/>
                    </a:cubicBezTo>
                    <a:lnTo>
                      <a:pt x="17896" y="9630"/>
                    </a:lnTo>
                    <a:lnTo>
                      <a:pt x="13181" y="1474"/>
                    </a:lnTo>
                    <a:cubicBezTo>
                      <a:pt x="12615" y="492"/>
                      <a:pt x="11621" y="0"/>
                      <a:pt x="10627" y="0"/>
                    </a:cubicBezTo>
                    <a:close/>
                  </a:path>
                </a:pathLst>
              </a:custGeom>
              <a:solidFill>
                <a:srgbClr val="4949E7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24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grpSp>
            <p:nvGrpSpPr>
              <p:cNvPr id="35" name="Google Shape;515;p10">
                <a:extLst>
                  <a:ext uri="{FF2B5EF4-FFF2-40B4-BE49-F238E27FC236}">
                    <a16:creationId xmlns:a16="http://schemas.microsoft.com/office/drawing/2014/main" id="{AEDE9906-9079-400F-3410-74864268F26E}"/>
                  </a:ext>
                </a:extLst>
              </p:cNvPr>
              <p:cNvGrpSpPr/>
              <p:nvPr/>
            </p:nvGrpSpPr>
            <p:grpSpPr>
              <a:xfrm>
                <a:off x="4810835" y="2418146"/>
                <a:ext cx="1254293" cy="1254293"/>
                <a:chOff x="3608126" y="1813609"/>
                <a:chExt cx="940720" cy="940720"/>
              </a:xfrm>
            </p:grpSpPr>
            <p:sp>
              <p:nvSpPr>
                <p:cNvPr id="78" name="Google Shape;516;p10">
                  <a:extLst>
                    <a:ext uri="{FF2B5EF4-FFF2-40B4-BE49-F238E27FC236}">
                      <a16:creationId xmlns:a16="http://schemas.microsoft.com/office/drawing/2014/main" id="{9CB45FF1-FF7C-4C65-8271-865B62500B5C}"/>
                    </a:ext>
                  </a:extLst>
                </p:cNvPr>
                <p:cNvSpPr/>
                <p:nvPr/>
              </p:nvSpPr>
              <p:spPr>
                <a:xfrm>
                  <a:off x="3608126" y="1813609"/>
                  <a:ext cx="940720" cy="94072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54495" h="54495" extrusionOk="0">
                      <a:moveTo>
                        <a:pt x="27242" y="0"/>
                      </a:moveTo>
                      <a:cubicBezTo>
                        <a:pt x="12216" y="0"/>
                        <a:pt x="0" y="12228"/>
                        <a:pt x="0" y="27253"/>
                      </a:cubicBezTo>
                      <a:cubicBezTo>
                        <a:pt x="0" y="42279"/>
                        <a:pt x="12216" y="54495"/>
                        <a:pt x="27242" y="54495"/>
                      </a:cubicBezTo>
                      <a:lnTo>
                        <a:pt x="54495" y="54495"/>
                      </a:lnTo>
                      <a:lnTo>
                        <a:pt x="54495" y="27253"/>
                      </a:lnTo>
                      <a:cubicBezTo>
                        <a:pt x="54495" y="12228"/>
                        <a:pt x="42267" y="0"/>
                        <a:pt x="27242" y="0"/>
                      </a:cubicBezTo>
                      <a:close/>
                    </a:path>
                  </a:pathLst>
                </a:custGeom>
                <a:solidFill>
                  <a:srgbClr val="EC3A3B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79" name="Google Shape;517;p10">
                  <a:extLst>
                    <a:ext uri="{FF2B5EF4-FFF2-40B4-BE49-F238E27FC236}">
                      <a16:creationId xmlns:a16="http://schemas.microsoft.com/office/drawing/2014/main" id="{FDCE14C5-C9FA-E25E-97D5-D0B17FD5BA2C}"/>
                    </a:ext>
                  </a:extLst>
                </p:cNvPr>
                <p:cNvSpPr/>
                <p:nvPr/>
              </p:nvSpPr>
              <p:spPr>
                <a:xfrm>
                  <a:off x="3775219" y="1980703"/>
                  <a:ext cx="606552" cy="606552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5137" h="35137" extrusionOk="0">
                      <a:moveTo>
                        <a:pt x="17563" y="1"/>
                      </a:moveTo>
                      <a:cubicBezTo>
                        <a:pt x="7883" y="1"/>
                        <a:pt x="1" y="7883"/>
                        <a:pt x="1" y="17574"/>
                      </a:cubicBezTo>
                      <a:cubicBezTo>
                        <a:pt x="1" y="27254"/>
                        <a:pt x="7883" y="35136"/>
                        <a:pt x="17563" y="35136"/>
                      </a:cubicBezTo>
                      <a:lnTo>
                        <a:pt x="35136" y="35136"/>
                      </a:lnTo>
                      <a:lnTo>
                        <a:pt x="35136" y="17574"/>
                      </a:lnTo>
                      <a:cubicBezTo>
                        <a:pt x="35136" y="7883"/>
                        <a:pt x="27254" y="1"/>
                        <a:pt x="17563" y="1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grpSp>
            <p:nvGrpSpPr>
              <p:cNvPr id="36" name="Google Shape;518;p10">
                <a:extLst>
                  <a:ext uri="{FF2B5EF4-FFF2-40B4-BE49-F238E27FC236}">
                    <a16:creationId xmlns:a16="http://schemas.microsoft.com/office/drawing/2014/main" id="{A1F41112-4174-D668-33E0-3D54375E72C9}"/>
                  </a:ext>
                </a:extLst>
              </p:cNvPr>
              <p:cNvGrpSpPr/>
              <p:nvPr/>
            </p:nvGrpSpPr>
            <p:grpSpPr>
              <a:xfrm>
                <a:off x="6065178" y="2418146"/>
                <a:ext cx="1254316" cy="1254293"/>
                <a:chOff x="4548883" y="1813609"/>
                <a:chExt cx="940737" cy="940720"/>
              </a:xfrm>
            </p:grpSpPr>
            <p:sp>
              <p:nvSpPr>
                <p:cNvPr id="76" name="Google Shape;519;p10">
                  <a:extLst>
                    <a:ext uri="{FF2B5EF4-FFF2-40B4-BE49-F238E27FC236}">
                      <a16:creationId xmlns:a16="http://schemas.microsoft.com/office/drawing/2014/main" id="{546705E9-9872-A012-BB6D-79BEC1B07440}"/>
                    </a:ext>
                  </a:extLst>
                </p:cNvPr>
                <p:cNvSpPr/>
                <p:nvPr/>
              </p:nvSpPr>
              <p:spPr>
                <a:xfrm>
                  <a:off x="4548883" y="1813609"/>
                  <a:ext cx="940737" cy="94072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54496" h="54495" extrusionOk="0">
                      <a:moveTo>
                        <a:pt x="27254" y="0"/>
                      </a:moveTo>
                      <a:cubicBezTo>
                        <a:pt x="12229" y="0"/>
                        <a:pt x="1" y="12228"/>
                        <a:pt x="1" y="27253"/>
                      </a:cubicBezTo>
                      <a:lnTo>
                        <a:pt x="1" y="54495"/>
                      </a:lnTo>
                      <a:lnTo>
                        <a:pt x="27254" y="54495"/>
                      </a:lnTo>
                      <a:cubicBezTo>
                        <a:pt x="42280" y="54495"/>
                        <a:pt x="54496" y="42279"/>
                        <a:pt x="54496" y="27253"/>
                      </a:cubicBezTo>
                      <a:cubicBezTo>
                        <a:pt x="54496" y="12228"/>
                        <a:pt x="42280" y="0"/>
                        <a:pt x="27254" y="0"/>
                      </a:cubicBezTo>
                      <a:close/>
                    </a:path>
                  </a:pathLst>
                </a:custGeom>
                <a:solidFill>
                  <a:srgbClr val="5EB2FC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77" name="Google Shape;520;p10">
                  <a:extLst>
                    <a:ext uri="{FF2B5EF4-FFF2-40B4-BE49-F238E27FC236}">
                      <a16:creationId xmlns:a16="http://schemas.microsoft.com/office/drawing/2014/main" id="{9F669839-7012-B07E-1F13-6999C217C554}"/>
                    </a:ext>
                  </a:extLst>
                </p:cNvPr>
                <p:cNvSpPr/>
                <p:nvPr/>
              </p:nvSpPr>
              <p:spPr>
                <a:xfrm>
                  <a:off x="4715994" y="1980703"/>
                  <a:ext cx="606552" cy="606552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5137" h="35137" extrusionOk="0">
                      <a:moveTo>
                        <a:pt x="17574" y="1"/>
                      </a:moveTo>
                      <a:cubicBezTo>
                        <a:pt x="7883" y="1"/>
                        <a:pt x="1" y="7883"/>
                        <a:pt x="1" y="17574"/>
                      </a:cubicBezTo>
                      <a:lnTo>
                        <a:pt x="1" y="35136"/>
                      </a:lnTo>
                      <a:lnTo>
                        <a:pt x="17574" y="35136"/>
                      </a:lnTo>
                      <a:cubicBezTo>
                        <a:pt x="27254" y="35136"/>
                        <a:pt x="35136" y="27254"/>
                        <a:pt x="35136" y="17574"/>
                      </a:cubicBezTo>
                      <a:cubicBezTo>
                        <a:pt x="35136" y="7883"/>
                        <a:pt x="27254" y="1"/>
                        <a:pt x="17574" y="1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grpSp>
            <p:nvGrpSpPr>
              <p:cNvPr id="37" name="Google Shape;521;p10">
                <a:extLst>
                  <a:ext uri="{FF2B5EF4-FFF2-40B4-BE49-F238E27FC236}">
                    <a16:creationId xmlns:a16="http://schemas.microsoft.com/office/drawing/2014/main" id="{71C768E3-E526-3388-286C-4F28AE351250}"/>
                  </a:ext>
                </a:extLst>
              </p:cNvPr>
              <p:cNvGrpSpPr/>
              <p:nvPr/>
            </p:nvGrpSpPr>
            <p:grpSpPr>
              <a:xfrm>
                <a:off x="6514651" y="2887324"/>
                <a:ext cx="401739" cy="405369"/>
                <a:chOff x="4885988" y="2165492"/>
                <a:chExt cx="301304" cy="304027"/>
              </a:xfrm>
            </p:grpSpPr>
            <p:sp>
              <p:nvSpPr>
                <p:cNvPr id="74" name="Google Shape;522;p10">
                  <a:extLst>
                    <a:ext uri="{FF2B5EF4-FFF2-40B4-BE49-F238E27FC236}">
                      <a16:creationId xmlns:a16="http://schemas.microsoft.com/office/drawing/2014/main" id="{E4C48DC3-98AF-BF51-FD75-55D257A1EA7B}"/>
                    </a:ext>
                  </a:extLst>
                </p:cNvPr>
                <p:cNvSpPr/>
                <p:nvPr/>
              </p:nvSpPr>
              <p:spPr>
                <a:xfrm>
                  <a:off x="4962655" y="2165492"/>
                  <a:ext cx="224637" cy="304027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13013" h="17612" extrusionOk="0">
                      <a:moveTo>
                        <a:pt x="9953" y="1"/>
                      </a:moveTo>
                      <a:cubicBezTo>
                        <a:pt x="9945" y="1"/>
                        <a:pt x="9938" y="1"/>
                        <a:pt x="9930" y="1"/>
                      </a:cubicBezTo>
                      <a:lnTo>
                        <a:pt x="5989" y="24"/>
                      </a:lnTo>
                      <a:cubicBezTo>
                        <a:pt x="5989" y="24"/>
                        <a:pt x="4310" y="203"/>
                        <a:pt x="2953" y="1060"/>
                      </a:cubicBezTo>
                      <a:cubicBezTo>
                        <a:pt x="2120" y="1584"/>
                        <a:pt x="1131" y="1846"/>
                        <a:pt x="143" y="1846"/>
                      </a:cubicBezTo>
                      <a:lnTo>
                        <a:pt x="0" y="1846"/>
                      </a:lnTo>
                      <a:lnTo>
                        <a:pt x="0" y="9109"/>
                      </a:lnTo>
                      <a:cubicBezTo>
                        <a:pt x="548" y="9168"/>
                        <a:pt x="1060" y="9407"/>
                        <a:pt x="1453" y="9823"/>
                      </a:cubicBezTo>
                      <a:cubicBezTo>
                        <a:pt x="1953" y="10347"/>
                        <a:pt x="2620" y="11026"/>
                        <a:pt x="3108" y="11454"/>
                      </a:cubicBezTo>
                      <a:cubicBezTo>
                        <a:pt x="4001" y="12252"/>
                        <a:pt x="3989" y="15455"/>
                        <a:pt x="3870" y="16729"/>
                      </a:cubicBezTo>
                      <a:cubicBezTo>
                        <a:pt x="3814" y="17272"/>
                        <a:pt x="4264" y="17611"/>
                        <a:pt x="4858" y="17611"/>
                      </a:cubicBezTo>
                      <a:cubicBezTo>
                        <a:pt x="5658" y="17611"/>
                        <a:pt x="6719" y="16996"/>
                        <a:pt x="7156" y="15431"/>
                      </a:cubicBezTo>
                      <a:cubicBezTo>
                        <a:pt x="7918" y="12705"/>
                        <a:pt x="6477" y="11216"/>
                        <a:pt x="7704" y="10954"/>
                      </a:cubicBezTo>
                      <a:cubicBezTo>
                        <a:pt x="8143" y="10854"/>
                        <a:pt x="8294" y="10830"/>
                        <a:pt x="9031" y="10830"/>
                      </a:cubicBezTo>
                      <a:cubicBezTo>
                        <a:pt x="9254" y="10830"/>
                        <a:pt x="9529" y="10833"/>
                        <a:pt x="9882" y="10835"/>
                      </a:cubicBezTo>
                      <a:cubicBezTo>
                        <a:pt x="9889" y="10835"/>
                        <a:pt x="9895" y="10835"/>
                        <a:pt x="9901" y="10835"/>
                      </a:cubicBezTo>
                      <a:cubicBezTo>
                        <a:pt x="11654" y="10835"/>
                        <a:pt x="13013" y="9197"/>
                        <a:pt x="12776" y="7347"/>
                      </a:cubicBezTo>
                      <a:lnTo>
                        <a:pt x="12823" y="2691"/>
                      </a:lnTo>
                      <a:cubicBezTo>
                        <a:pt x="12634" y="1152"/>
                        <a:pt x="11407" y="1"/>
                        <a:pt x="9953" y="1"/>
                      </a:cubicBezTo>
                      <a:close/>
                    </a:path>
                  </a:pathLst>
                </a:custGeom>
                <a:solidFill>
                  <a:srgbClr val="5EB2FC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75" name="Google Shape;523;p10">
                  <a:extLst>
                    <a:ext uri="{FF2B5EF4-FFF2-40B4-BE49-F238E27FC236}">
                      <a16:creationId xmlns:a16="http://schemas.microsoft.com/office/drawing/2014/main" id="{263CEA43-8760-EC17-F148-8812B35E26BD}"/>
                    </a:ext>
                  </a:extLst>
                </p:cNvPr>
                <p:cNvSpPr/>
                <p:nvPr/>
              </p:nvSpPr>
              <p:spPr>
                <a:xfrm>
                  <a:off x="4885988" y="2193856"/>
                  <a:ext cx="53048" cy="137116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073" h="7943" extrusionOk="0">
                      <a:moveTo>
                        <a:pt x="60" y="1"/>
                      </a:moveTo>
                      <a:lnTo>
                        <a:pt x="0" y="7906"/>
                      </a:lnTo>
                      <a:lnTo>
                        <a:pt x="3013" y="7942"/>
                      </a:lnTo>
                      <a:lnTo>
                        <a:pt x="3072" y="36"/>
                      </a:lnTo>
                      <a:lnTo>
                        <a:pt x="60" y="1"/>
                      </a:lnTo>
                      <a:close/>
                    </a:path>
                  </a:pathLst>
                </a:custGeom>
                <a:solidFill>
                  <a:srgbClr val="5EB2FC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grpSp>
            <p:nvGrpSpPr>
              <p:cNvPr id="38" name="Google Shape;524;p10">
                <a:extLst>
                  <a:ext uri="{FF2B5EF4-FFF2-40B4-BE49-F238E27FC236}">
                    <a16:creationId xmlns:a16="http://schemas.microsoft.com/office/drawing/2014/main" id="{8375B08C-F136-2EE2-E675-4AFBAC128A45}"/>
                  </a:ext>
                </a:extLst>
              </p:cNvPr>
              <p:cNvGrpSpPr/>
              <p:nvPr/>
            </p:nvGrpSpPr>
            <p:grpSpPr>
              <a:xfrm>
                <a:off x="6065178" y="3672494"/>
                <a:ext cx="1254316" cy="1254316"/>
                <a:chOff x="4548883" y="2754370"/>
                <a:chExt cx="940737" cy="940737"/>
              </a:xfrm>
            </p:grpSpPr>
            <p:sp>
              <p:nvSpPr>
                <p:cNvPr id="72" name="Google Shape;525;p10">
                  <a:extLst>
                    <a:ext uri="{FF2B5EF4-FFF2-40B4-BE49-F238E27FC236}">
                      <a16:creationId xmlns:a16="http://schemas.microsoft.com/office/drawing/2014/main" id="{FF5FA9F7-F8F8-A9A9-6A3F-433CBF3E25C6}"/>
                    </a:ext>
                  </a:extLst>
                </p:cNvPr>
                <p:cNvSpPr/>
                <p:nvPr/>
              </p:nvSpPr>
              <p:spPr>
                <a:xfrm>
                  <a:off x="4548883" y="2754370"/>
                  <a:ext cx="940737" cy="940737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54496" h="54496" extrusionOk="0">
                      <a:moveTo>
                        <a:pt x="1" y="1"/>
                      </a:moveTo>
                      <a:lnTo>
                        <a:pt x="1" y="27254"/>
                      </a:lnTo>
                      <a:cubicBezTo>
                        <a:pt x="1" y="42280"/>
                        <a:pt x="12229" y="54496"/>
                        <a:pt x="27254" y="54496"/>
                      </a:cubicBezTo>
                      <a:cubicBezTo>
                        <a:pt x="42280" y="54496"/>
                        <a:pt x="54496" y="42280"/>
                        <a:pt x="54496" y="27254"/>
                      </a:cubicBezTo>
                      <a:cubicBezTo>
                        <a:pt x="54496" y="12229"/>
                        <a:pt x="42280" y="1"/>
                        <a:pt x="27254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73" name="Google Shape;526;p10">
                  <a:extLst>
                    <a:ext uri="{FF2B5EF4-FFF2-40B4-BE49-F238E27FC236}">
                      <a16:creationId xmlns:a16="http://schemas.microsoft.com/office/drawing/2014/main" id="{05804F4B-CA75-B2D7-35CE-0F1C21524CAA}"/>
                    </a:ext>
                  </a:extLst>
                </p:cNvPr>
                <p:cNvSpPr/>
                <p:nvPr/>
              </p:nvSpPr>
              <p:spPr>
                <a:xfrm>
                  <a:off x="4715994" y="2921482"/>
                  <a:ext cx="606552" cy="60653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35137" h="35136" extrusionOk="0">
                      <a:moveTo>
                        <a:pt x="1" y="1"/>
                      </a:moveTo>
                      <a:lnTo>
                        <a:pt x="1" y="17574"/>
                      </a:lnTo>
                      <a:cubicBezTo>
                        <a:pt x="1" y="27254"/>
                        <a:pt x="7883" y="35136"/>
                        <a:pt x="17574" y="35136"/>
                      </a:cubicBezTo>
                      <a:cubicBezTo>
                        <a:pt x="27254" y="35136"/>
                        <a:pt x="35136" y="27254"/>
                        <a:pt x="35136" y="17574"/>
                      </a:cubicBezTo>
                      <a:cubicBezTo>
                        <a:pt x="35136" y="7883"/>
                        <a:pt x="27254" y="1"/>
                        <a:pt x="17574" y="1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grpSp>
            <p:nvGrpSpPr>
              <p:cNvPr id="39" name="Google Shape;527;p10">
                <a:extLst>
                  <a:ext uri="{FF2B5EF4-FFF2-40B4-BE49-F238E27FC236}">
                    <a16:creationId xmlns:a16="http://schemas.microsoft.com/office/drawing/2014/main" id="{09903864-6FB2-098D-3529-C7BE86B2DF14}"/>
                  </a:ext>
                </a:extLst>
              </p:cNvPr>
              <p:cNvGrpSpPr/>
              <p:nvPr/>
            </p:nvGrpSpPr>
            <p:grpSpPr>
              <a:xfrm>
                <a:off x="6478467" y="4097293"/>
                <a:ext cx="473868" cy="460703"/>
                <a:chOff x="4858850" y="3072970"/>
                <a:chExt cx="355401" cy="345527"/>
              </a:xfrm>
            </p:grpSpPr>
            <p:sp>
              <p:nvSpPr>
                <p:cNvPr id="61" name="Google Shape;528;p10">
                  <a:extLst>
                    <a:ext uri="{FF2B5EF4-FFF2-40B4-BE49-F238E27FC236}">
                      <a16:creationId xmlns:a16="http://schemas.microsoft.com/office/drawing/2014/main" id="{E95707DA-5BEB-CAD2-289D-782B1520F661}"/>
                    </a:ext>
                  </a:extLst>
                </p:cNvPr>
                <p:cNvSpPr/>
                <p:nvPr/>
              </p:nvSpPr>
              <p:spPr>
                <a:xfrm>
                  <a:off x="4931615" y="3147341"/>
                  <a:ext cx="204733" cy="220787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11860" h="12790" extrusionOk="0">
                      <a:moveTo>
                        <a:pt x="5525" y="3765"/>
                      </a:moveTo>
                      <a:lnTo>
                        <a:pt x="8371" y="3884"/>
                      </a:lnTo>
                      <a:lnTo>
                        <a:pt x="6668" y="5622"/>
                      </a:lnTo>
                      <a:lnTo>
                        <a:pt x="8668" y="5777"/>
                      </a:lnTo>
                      <a:lnTo>
                        <a:pt x="3489" y="10266"/>
                      </a:lnTo>
                      <a:lnTo>
                        <a:pt x="3489" y="10266"/>
                      </a:lnTo>
                      <a:lnTo>
                        <a:pt x="5489" y="6587"/>
                      </a:lnTo>
                      <a:lnTo>
                        <a:pt x="3382" y="6587"/>
                      </a:lnTo>
                      <a:lnTo>
                        <a:pt x="5525" y="3765"/>
                      </a:lnTo>
                      <a:close/>
                      <a:moveTo>
                        <a:pt x="6027" y="1"/>
                      </a:moveTo>
                      <a:cubicBezTo>
                        <a:pt x="5806" y="1"/>
                        <a:pt x="5583" y="13"/>
                        <a:pt x="5358" y="38"/>
                      </a:cubicBezTo>
                      <a:cubicBezTo>
                        <a:pt x="2715" y="336"/>
                        <a:pt x="572" y="2443"/>
                        <a:pt x="239" y="5075"/>
                      </a:cubicBezTo>
                      <a:cubicBezTo>
                        <a:pt x="0" y="7003"/>
                        <a:pt x="703" y="8766"/>
                        <a:pt x="1941" y="9992"/>
                      </a:cubicBezTo>
                      <a:cubicBezTo>
                        <a:pt x="2144" y="10194"/>
                        <a:pt x="2358" y="10397"/>
                        <a:pt x="2525" y="10623"/>
                      </a:cubicBezTo>
                      <a:cubicBezTo>
                        <a:pt x="2834" y="11028"/>
                        <a:pt x="3251" y="11647"/>
                        <a:pt x="3572" y="12445"/>
                      </a:cubicBezTo>
                      <a:cubicBezTo>
                        <a:pt x="3656" y="12659"/>
                        <a:pt x="3870" y="12790"/>
                        <a:pt x="4108" y="12790"/>
                      </a:cubicBezTo>
                      <a:lnTo>
                        <a:pt x="7966" y="12790"/>
                      </a:lnTo>
                      <a:cubicBezTo>
                        <a:pt x="8204" y="12790"/>
                        <a:pt x="8418" y="12659"/>
                        <a:pt x="8501" y="12445"/>
                      </a:cubicBezTo>
                      <a:cubicBezTo>
                        <a:pt x="9085" y="10992"/>
                        <a:pt x="9978" y="10123"/>
                        <a:pt x="9978" y="10123"/>
                      </a:cubicBezTo>
                      <a:lnTo>
                        <a:pt x="9966" y="10123"/>
                      </a:lnTo>
                      <a:cubicBezTo>
                        <a:pt x="11133" y="9051"/>
                        <a:pt x="11859" y="7527"/>
                        <a:pt x="11859" y="5837"/>
                      </a:cubicBezTo>
                      <a:cubicBezTo>
                        <a:pt x="11859" y="2616"/>
                        <a:pt x="9241" y="1"/>
                        <a:pt x="6027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2" name="Google Shape;529;p10">
                  <a:extLst>
                    <a:ext uri="{FF2B5EF4-FFF2-40B4-BE49-F238E27FC236}">
                      <a16:creationId xmlns:a16="http://schemas.microsoft.com/office/drawing/2014/main" id="{D53976F6-66E9-5081-5C7F-52D847EEB8B0}"/>
                    </a:ext>
                  </a:extLst>
                </p:cNvPr>
                <p:cNvSpPr/>
                <p:nvPr/>
              </p:nvSpPr>
              <p:spPr>
                <a:xfrm>
                  <a:off x="4983613" y="3375531"/>
                  <a:ext cx="104231" cy="42966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6038" h="2489" extrusionOk="0">
                      <a:moveTo>
                        <a:pt x="406" y="1"/>
                      </a:moveTo>
                      <a:cubicBezTo>
                        <a:pt x="179" y="1"/>
                        <a:pt x="1" y="191"/>
                        <a:pt x="1" y="417"/>
                      </a:cubicBezTo>
                      <a:lnTo>
                        <a:pt x="1" y="501"/>
                      </a:lnTo>
                      <a:cubicBezTo>
                        <a:pt x="1" y="727"/>
                        <a:pt x="179" y="905"/>
                        <a:pt x="406" y="905"/>
                      </a:cubicBezTo>
                      <a:lnTo>
                        <a:pt x="1799" y="905"/>
                      </a:lnTo>
                      <a:lnTo>
                        <a:pt x="1799" y="1275"/>
                      </a:lnTo>
                      <a:cubicBezTo>
                        <a:pt x="1799" y="1941"/>
                        <a:pt x="2346" y="2489"/>
                        <a:pt x="3013" y="2489"/>
                      </a:cubicBezTo>
                      <a:cubicBezTo>
                        <a:pt x="3680" y="2489"/>
                        <a:pt x="4227" y="1941"/>
                        <a:pt x="4227" y="1275"/>
                      </a:cubicBezTo>
                      <a:lnTo>
                        <a:pt x="4227" y="905"/>
                      </a:lnTo>
                      <a:lnTo>
                        <a:pt x="5620" y="905"/>
                      </a:lnTo>
                      <a:cubicBezTo>
                        <a:pt x="5847" y="905"/>
                        <a:pt x="6037" y="727"/>
                        <a:pt x="6037" y="501"/>
                      </a:cubicBezTo>
                      <a:lnTo>
                        <a:pt x="6037" y="417"/>
                      </a:lnTo>
                      <a:cubicBezTo>
                        <a:pt x="6037" y="191"/>
                        <a:pt x="5847" y="1"/>
                        <a:pt x="5620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3" name="Google Shape;530;p10">
                  <a:extLst>
                    <a:ext uri="{FF2B5EF4-FFF2-40B4-BE49-F238E27FC236}">
                      <a16:creationId xmlns:a16="http://schemas.microsoft.com/office/drawing/2014/main" id="{C590379B-D2B9-88F5-955C-E527539655D3}"/>
                    </a:ext>
                  </a:extLst>
                </p:cNvPr>
                <p:cNvSpPr/>
                <p:nvPr/>
              </p:nvSpPr>
              <p:spPr>
                <a:xfrm>
                  <a:off x="5028429" y="3072970"/>
                  <a:ext cx="14604" cy="4688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846" h="2716" extrusionOk="0">
                      <a:moveTo>
                        <a:pt x="417" y="1"/>
                      </a:moveTo>
                      <a:cubicBezTo>
                        <a:pt x="191" y="1"/>
                        <a:pt x="0" y="191"/>
                        <a:pt x="0" y="429"/>
                      </a:cubicBezTo>
                      <a:lnTo>
                        <a:pt x="0" y="2298"/>
                      </a:lnTo>
                      <a:cubicBezTo>
                        <a:pt x="0" y="2525"/>
                        <a:pt x="191" y="2715"/>
                        <a:pt x="417" y="2715"/>
                      </a:cubicBezTo>
                      <a:cubicBezTo>
                        <a:pt x="655" y="2715"/>
                        <a:pt x="846" y="2525"/>
                        <a:pt x="846" y="2298"/>
                      </a:cubicBezTo>
                      <a:lnTo>
                        <a:pt x="846" y="429"/>
                      </a:lnTo>
                      <a:cubicBezTo>
                        <a:pt x="846" y="191"/>
                        <a:pt x="655" y="1"/>
                        <a:pt x="417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4" name="Google Shape;531;p10">
                  <a:extLst>
                    <a:ext uri="{FF2B5EF4-FFF2-40B4-BE49-F238E27FC236}">
                      <a16:creationId xmlns:a16="http://schemas.microsoft.com/office/drawing/2014/main" id="{1FC79249-1814-99B5-6A04-35958E6BA14D}"/>
                    </a:ext>
                  </a:extLst>
                </p:cNvPr>
                <p:cNvSpPr/>
                <p:nvPr/>
              </p:nvSpPr>
              <p:spPr>
                <a:xfrm>
                  <a:off x="4942301" y="3096224"/>
                  <a:ext cx="32695" cy="42621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1894" h="2469" extrusionOk="0">
                      <a:moveTo>
                        <a:pt x="475" y="1"/>
                      </a:moveTo>
                      <a:cubicBezTo>
                        <a:pt x="402" y="1"/>
                        <a:pt x="329" y="19"/>
                        <a:pt x="262" y="59"/>
                      </a:cubicBezTo>
                      <a:cubicBezTo>
                        <a:pt x="60" y="178"/>
                        <a:pt x="1" y="440"/>
                        <a:pt x="108" y="642"/>
                      </a:cubicBezTo>
                      <a:lnTo>
                        <a:pt x="1048" y="2261"/>
                      </a:lnTo>
                      <a:cubicBezTo>
                        <a:pt x="1128" y="2397"/>
                        <a:pt x="1267" y="2468"/>
                        <a:pt x="1411" y="2468"/>
                      </a:cubicBezTo>
                      <a:cubicBezTo>
                        <a:pt x="1481" y="2468"/>
                        <a:pt x="1553" y="2451"/>
                        <a:pt x="1620" y="2416"/>
                      </a:cubicBezTo>
                      <a:cubicBezTo>
                        <a:pt x="1822" y="2297"/>
                        <a:pt x="1894" y="2035"/>
                        <a:pt x="1775" y="1833"/>
                      </a:cubicBezTo>
                      <a:lnTo>
                        <a:pt x="846" y="213"/>
                      </a:lnTo>
                      <a:cubicBezTo>
                        <a:pt x="766" y="78"/>
                        <a:pt x="622" y="1"/>
                        <a:pt x="475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5" name="Google Shape;532;p10">
                  <a:extLst>
                    <a:ext uri="{FF2B5EF4-FFF2-40B4-BE49-F238E27FC236}">
                      <a16:creationId xmlns:a16="http://schemas.microsoft.com/office/drawing/2014/main" id="{9E795BAD-C3A5-863F-9347-0A1FE4C9303B}"/>
                    </a:ext>
                  </a:extLst>
                </p:cNvPr>
                <p:cNvSpPr/>
                <p:nvPr/>
              </p:nvSpPr>
              <p:spPr>
                <a:xfrm>
                  <a:off x="4880222" y="3159011"/>
                  <a:ext cx="44624" cy="30693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585" h="1778" extrusionOk="0">
                      <a:moveTo>
                        <a:pt x="479" y="0"/>
                      </a:moveTo>
                      <a:cubicBezTo>
                        <a:pt x="332" y="0"/>
                        <a:pt x="188" y="72"/>
                        <a:pt x="108" y="208"/>
                      </a:cubicBezTo>
                      <a:cubicBezTo>
                        <a:pt x="1" y="410"/>
                        <a:pt x="72" y="672"/>
                        <a:pt x="275" y="791"/>
                      </a:cubicBezTo>
                      <a:lnTo>
                        <a:pt x="1882" y="1720"/>
                      </a:lnTo>
                      <a:cubicBezTo>
                        <a:pt x="1949" y="1759"/>
                        <a:pt x="2022" y="1778"/>
                        <a:pt x="2094" y="1778"/>
                      </a:cubicBezTo>
                      <a:cubicBezTo>
                        <a:pt x="2242" y="1778"/>
                        <a:pt x="2386" y="1701"/>
                        <a:pt x="2465" y="1565"/>
                      </a:cubicBezTo>
                      <a:cubicBezTo>
                        <a:pt x="2585" y="1363"/>
                        <a:pt x="2513" y="1113"/>
                        <a:pt x="2311" y="994"/>
                      </a:cubicBezTo>
                      <a:lnTo>
                        <a:pt x="691" y="53"/>
                      </a:lnTo>
                      <a:cubicBezTo>
                        <a:pt x="625" y="18"/>
                        <a:pt x="552" y="0"/>
                        <a:pt x="479" y="0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6" name="Google Shape;533;p10">
                  <a:extLst>
                    <a:ext uri="{FF2B5EF4-FFF2-40B4-BE49-F238E27FC236}">
                      <a16:creationId xmlns:a16="http://schemas.microsoft.com/office/drawing/2014/main" id="{B3361767-6F1E-818C-4A5E-D3B14A0906DD}"/>
                    </a:ext>
                  </a:extLst>
                </p:cNvPr>
                <p:cNvSpPr/>
                <p:nvPr/>
              </p:nvSpPr>
              <p:spPr>
                <a:xfrm>
                  <a:off x="4858850" y="3244397"/>
                  <a:ext cx="46885" cy="14604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716" h="846" extrusionOk="0">
                      <a:moveTo>
                        <a:pt x="417" y="0"/>
                      </a:moveTo>
                      <a:cubicBezTo>
                        <a:pt x="191" y="0"/>
                        <a:pt x="1" y="191"/>
                        <a:pt x="1" y="417"/>
                      </a:cubicBezTo>
                      <a:cubicBezTo>
                        <a:pt x="1" y="655"/>
                        <a:pt x="191" y="846"/>
                        <a:pt x="417" y="846"/>
                      </a:cubicBezTo>
                      <a:lnTo>
                        <a:pt x="2287" y="846"/>
                      </a:lnTo>
                      <a:cubicBezTo>
                        <a:pt x="2525" y="846"/>
                        <a:pt x="2715" y="655"/>
                        <a:pt x="2715" y="417"/>
                      </a:cubicBezTo>
                      <a:cubicBezTo>
                        <a:pt x="2715" y="191"/>
                        <a:pt x="2525" y="0"/>
                        <a:pt x="2287" y="0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7" name="Google Shape;534;p10">
                  <a:extLst>
                    <a:ext uri="{FF2B5EF4-FFF2-40B4-BE49-F238E27FC236}">
                      <a16:creationId xmlns:a16="http://schemas.microsoft.com/office/drawing/2014/main" id="{A74394C1-0C8A-7E3F-811C-DA22F251C12D}"/>
                    </a:ext>
                  </a:extLst>
                </p:cNvPr>
                <p:cNvSpPr/>
                <p:nvPr/>
              </p:nvSpPr>
              <p:spPr>
                <a:xfrm>
                  <a:off x="4881050" y="3313279"/>
                  <a:ext cx="44624" cy="30796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585" h="1784" extrusionOk="0">
                      <a:moveTo>
                        <a:pt x="2105" y="1"/>
                      </a:moveTo>
                      <a:cubicBezTo>
                        <a:pt x="2033" y="1"/>
                        <a:pt x="1960" y="19"/>
                        <a:pt x="1894" y="58"/>
                      </a:cubicBezTo>
                      <a:lnTo>
                        <a:pt x="274" y="987"/>
                      </a:lnTo>
                      <a:cubicBezTo>
                        <a:pt x="72" y="1106"/>
                        <a:pt x="0" y="1368"/>
                        <a:pt x="120" y="1571"/>
                      </a:cubicBezTo>
                      <a:cubicBezTo>
                        <a:pt x="199" y="1706"/>
                        <a:pt x="343" y="1783"/>
                        <a:pt x="491" y="1783"/>
                      </a:cubicBezTo>
                      <a:cubicBezTo>
                        <a:pt x="563" y="1783"/>
                        <a:pt x="636" y="1765"/>
                        <a:pt x="703" y="1725"/>
                      </a:cubicBezTo>
                      <a:lnTo>
                        <a:pt x="2310" y="797"/>
                      </a:lnTo>
                      <a:cubicBezTo>
                        <a:pt x="2513" y="678"/>
                        <a:pt x="2584" y="416"/>
                        <a:pt x="2465" y="213"/>
                      </a:cubicBezTo>
                      <a:cubicBezTo>
                        <a:pt x="2393" y="78"/>
                        <a:pt x="2252" y="1"/>
                        <a:pt x="2105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8" name="Google Shape;535;p10">
                  <a:extLst>
                    <a:ext uri="{FF2B5EF4-FFF2-40B4-BE49-F238E27FC236}">
                      <a16:creationId xmlns:a16="http://schemas.microsoft.com/office/drawing/2014/main" id="{840CEB96-F56A-195D-D4CB-028F0C51E8C3}"/>
                    </a:ext>
                  </a:extLst>
                </p:cNvPr>
                <p:cNvSpPr/>
                <p:nvPr/>
              </p:nvSpPr>
              <p:spPr>
                <a:xfrm>
                  <a:off x="5148255" y="3311639"/>
                  <a:ext cx="44624" cy="30779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585" h="1783" extrusionOk="0">
                      <a:moveTo>
                        <a:pt x="491" y="0"/>
                      </a:moveTo>
                      <a:cubicBezTo>
                        <a:pt x="344" y="0"/>
                        <a:pt x="200" y="77"/>
                        <a:pt x="120" y="213"/>
                      </a:cubicBezTo>
                      <a:cubicBezTo>
                        <a:pt x="1" y="415"/>
                        <a:pt x="72" y="677"/>
                        <a:pt x="274" y="796"/>
                      </a:cubicBezTo>
                      <a:lnTo>
                        <a:pt x="1894" y="1725"/>
                      </a:lnTo>
                      <a:cubicBezTo>
                        <a:pt x="1960" y="1764"/>
                        <a:pt x="2034" y="1783"/>
                        <a:pt x="2106" y="1783"/>
                      </a:cubicBezTo>
                      <a:cubicBezTo>
                        <a:pt x="2253" y="1783"/>
                        <a:pt x="2397" y="1706"/>
                        <a:pt x="2477" y="1570"/>
                      </a:cubicBezTo>
                      <a:cubicBezTo>
                        <a:pt x="2584" y="1368"/>
                        <a:pt x="2525" y="1106"/>
                        <a:pt x="2322" y="999"/>
                      </a:cubicBezTo>
                      <a:lnTo>
                        <a:pt x="703" y="58"/>
                      </a:lnTo>
                      <a:cubicBezTo>
                        <a:pt x="636" y="19"/>
                        <a:pt x="563" y="0"/>
                        <a:pt x="491" y="0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69" name="Google Shape;536;p10">
                  <a:extLst>
                    <a:ext uri="{FF2B5EF4-FFF2-40B4-BE49-F238E27FC236}">
                      <a16:creationId xmlns:a16="http://schemas.microsoft.com/office/drawing/2014/main" id="{4DBD303A-E6B7-0F95-E1D6-AA296901FEDE}"/>
                    </a:ext>
                  </a:extLst>
                </p:cNvPr>
                <p:cNvSpPr/>
                <p:nvPr/>
              </p:nvSpPr>
              <p:spPr>
                <a:xfrm>
                  <a:off x="5167366" y="3242550"/>
                  <a:ext cx="46885" cy="14604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716" h="846" extrusionOk="0">
                      <a:moveTo>
                        <a:pt x="430" y="0"/>
                      </a:moveTo>
                      <a:cubicBezTo>
                        <a:pt x="191" y="0"/>
                        <a:pt x="1" y="191"/>
                        <a:pt x="1" y="417"/>
                      </a:cubicBezTo>
                      <a:cubicBezTo>
                        <a:pt x="1" y="655"/>
                        <a:pt x="191" y="846"/>
                        <a:pt x="430" y="846"/>
                      </a:cubicBezTo>
                      <a:lnTo>
                        <a:pt x="2299" y="846"/>
                      </a:lnTo>
                      <a:cubicBezTo>
                        <a:pt x="2525" y="846"/>
                        <a:pt x="2716" y="655"/>
                        <a:pt x="2716" y="417"/>
                      </a:cubicBezTo>
                      <a:cubicBezTo>
                        <a:pt x="2716" y="191"/>
                        <a:pt x="2525" y="0"/>
                        <a:pt x="2299" y="0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70" name="Google Shape;537;p10">
                  <a:extLst>
                    <a:ext uri="{FF2B5EF4-FFF2-40B4-BE49-F238E27FC236}">
                      <a16:creationId xmlns:a16="http://schemas.microsoft.com/office/drawing/2014/main" id="{F7CEB9BB-970F-3E5E-4108-5BCB382F5B48}"/>
                    </a:ext>
                  </a:extLst>
                </p:cNvPr>
                <p:cNvSpPr/>
                <p:nvPr/>
              </p:nvSpPr>
              <p:spPr>
                <a:xfrm>
                  <a:off x="5147426" y="3157475"/>
                  <a:ext cx="44624" cy="30693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585" h="1778" extrusionOk="0">
                      <a:moveTo>
                        <a:pt x="2103" y="1"/>
                      </a:moveTo>
                      <a:cubicBezTo>
                        <a:pt x="2033" y="1"/>
                        <a:pt x="1961" y="19"/>
                        <a:pt x="1894" y="59"/>
                      </a:cubicBezTo>
                      <a:lnTo>
                        <a:pt x="275" y="987"/>
                      </a:lnTo>
                      <a:cubicBezTo>
                        <a:pt x="72" y="1106"/>
                        <a:pt x="1" y="1368"/>
                        <a:pt x="120" y="1571"/>
                      </a:cubicBezTo>
                      <a:cubicBezTo>
                        <a:pt x="200" y="1706"/>
                        <a:pt x="339" y="1778"/>
                        <a:pt x="483" y="1778"/>
                      </a:cubicBezTo>
                      <a:cubicBezTo>
                        <a:pt x="553" y="1778"/>
                        <a:pt x="625" y="1761"/>
                        <a:pt x="692" y="1725"/>
                      </a:cubicBezTo>
                      <a:lnTo>
                        <a:pt x="2311" y="785"/>
                      </a:lnTo>
                      <a:cubicBezTo>
                        <a:pt x="2513" y="666"/>
                        <a:pt x="2585" y="416"/>
                        <a:pt x="2466" y="213"/>
                      </a:cubicBezTo>
                      <a:cubicBezTo>
                        <a:pt x="2386" y="78"/>
                        <a:pt x="2247" y="1"/>
                        <a:pt x="2103" y="1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71" name="Google Shape;538;p10">
                  <a:extLst>
                    <a:ext uri="{FF2B5EF4-FFF2-40B4-BE49-F238E27FC236}">
                      <a16:creationId xmlns:a16="http://schemas.microsoft.com/office/drawing/2014/main" id="{8B5A71EB-2982-6B8D-FB42-A0448C38F5C4}"/>
                    </a:ext>
                  </a:extLst>
                </p:cNvPr>
                <p:cNvSpPr/>
                <p:nvPr/>
              </p:nvSpPr>
              <p:spPr>
                <a:xfrm>
                  <a:off x="5096465" y="3095412"/>
                  <a:ext cx="32902" cy="4250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1906" h="2462" extrusionOk="0">
                      <a:moveTo>
                        <a:pt x="1419" y="0"/>
                      </a:moveTo>
                      <a:cubicBezTo>
                        <a:pt x="1272" y="0"/>
                        <a:pt x="1128" y="77"/>
                        <a:pt x="1048" y="213"/>
                      </a:cubicBezTo>
                      <a:lnTo>
                        <a:pt x="119" y="1832"/>
                      </a:lnTo>
                      <a:cubicBezTo>
                        <a:pt x="0" y="2034"/>
                        <a:pt x="72" y="2284"/>
                        <a:pt x="274" y="2403"/>
                      </a:cubicBezTo>
                      <a:cubicBezTo>
                        <a:pt x="341" y="2443"/>
                        <a:pt x="414" y="2461"/>
                        <a:pt x="486" y="2461"/>
                      </a:cubicBezTo>
                      <a:cubicBezTo>
                        <a:pt x="634" y="2461"/>
                        <a:pt x="778" y="2384"/>
                        <a:pt x="857" y="2249"/>
                      </a:cubicBezTo>
                      <a:lnTo>
                        <a:pt x="1786" y="629"/>
                      </a:lnTo>
                      <a:cubicBezTo>
                        <a:pt x="1905" y="427"/>
                        <a:pt x="1834" y="177"/>
                        <a:pt x="1631" y="58"/>
                      </a:cubicBezTo>
                      <a:cubicBezTo>
                        <a:pt x="1565" y="19"/>
                        <a:pt x="1492" y="0"/>
                        <a:pt x="1419" y="0"/>
                      </a:cubicBezTo>
                      <a:close/>
                    </a:path>
                  </a:pathLst>
                </a:custGeom>
                <a:solidFill>
                  <a:srgbClr val="FCBD24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  <p:grpSp>
            <p:nvGrpSpPr>
              <p:cNvPr id="40" name="Google Shape;539;p10">
                <a:extLst>
                  <a:ext uri="{FF2B5EF4-FFF2-40B4-BE49-F238E27FC236}">
                    <a16:creationId xmlns:a16="http://schemas.microsoft.com/office/drawing/2014/main" id="{2F74FAAB-417E-EB53-6380-451CB751FCE4}"/>
                  </a:ext>
                </a:extLst>
              </p:cNvPr>
              <p:cNvGrpSpPr/>
              <p:nvPr/>
            </p:nvGrpSpPr>
            <p:grpSpPr>
              <a:xfrm>
                <a:off x="5314538" y="2951176"/>
                <a:ext cx="1499581" cy="1442921"/>
                <a:chOff x="3985903" y="2213381"/>
                <a:chExt cx="1124686" cy="1082191"/>
              </a:xfrm>
            </p:grpSpPr>
            <p:sp>
              <p:nvSpPr>
                <p:cNvPr id="48" name="Google Shape;540;p10">
                  <a:extLst>
                    <a:ext uri="{FF2B5EF4-FFF2-40B4-BE49-F238E27FC236}">
                      <a16:creationId xmlns:a16="http://schemas.microsoft.com/office/drawing/2014/main" id="{7493D733-7C04-B6E7-3BFD-7A98CE5B2D7C}"/>
                    </a:ext>
                  </a:extLst>
                </p:cNvPr>
                <p:cNvSpPr/>
                <p:nvPr/>
              </p:nvSpPr>
              <p:spPr>
                <a:xfrm>
                  <a:off x="3987353" y="2214624"/>
                  <a:ext cx="1123236" cy="1079614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65068" h="62541" extrusionOk="0">
                      <a:moveTo>
                        <a:pt x="32529" y="0"/>
                      </a:moveTo>
                      <a:cubicBezTo>
                        <a:pt x="29212" y="0"/>
                        <a:pt x="25896" y="1262"/>
                        <a:pt x="23372" y="3786"/>
                      </a:cubicBezTo>
                      <a:lnTo>
                        <a:pt x="5048" y="22110"/>
                      </a:lnTo>
                      <a:cubicBezTo>
                        <a:pt x="0" y="27158"/>
                        <a:pt x="0" y="35374"/>
                        <a:pt x="5048" y="40434"/>
                      </a:cubicBezTo>
                      <a:lnTo>
                        <a:pt x="23372" y="58746"/>
                      </a:lnTo>
                      <a:cubicBezTo>
                        <a:pt x="25896" y="61276"/>
                        <a:pt x="29212" y="62541"/>
                        <a:pt x="32528" y="62541"/>
                      </a:cubicBezTo>
                      <a:cubicBezTo>
                        <a:pt x="35844" y="62541"/>
                        <a:pt x="39160" y="61276"/>
                        <a:pt x="41684" y="58746"/>
                      </a:cubicBezTo>
                      <a:cubicBezTo>
                        <a:pt x="46744" y="53697"/>
                        <a:pt x="54959" y="45482"/>
                        <a:pt x="60008" y="40422"/>
                      </a:cubicBezTo>
                      <a:cubicBezTo>
                        <a:pt x="65068" y="35374"/>
                        <a:pt x="65068" y="27158"/>
                        <a:pt x="60008" y="22110"/>
                      </a:cubicBezTo>
                      <a:cubicBezTo>
                        <a:pt x="54959" y="17062"/>
                        <a:pt x="46744" y="8835"/>
                        <a:pt x="41696" y="3786"/>
                      </a:cubicBezTo>
                      <a:cubicBezTo>
                        <a:pt x="39166" y="1262"/>
                        <a:pt x="35847" y="0"/>
                        <a:pt x="32529" y="0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grpSp>
              <p:nvGrpSpPr>
                <p:cNvPr id="49" name="Google Shape;541;p10">
                  <a:extLst>
                    <a:ext uri="{FF2B5EF4-FFF2-40B4-BE49-F238E27FC236}">
                      <a16:creationId xmlns:a16="http://schemas.microsoft.com/office/drawing/2014/main" id="{C8737600-55A2-2A0F-9F05-4BBDD7BF8BC1}"/>
                    </a:ext>
                  </a:extLst>
                </p:cNvPr>
                <p:cNvGrpSpPr/>
                <p:nvPr/>
              </p:nvGrpSpPr>
              <p:grpSpPr>
                <a:xfrm>
                  <a:off x="4380547" y="2919635"/>
                  <a:ext cx="636781" cy="375937"/>
                  <a:chOff x="4380547" y="2919635"/>
                  <a:chExt cx="636781" cy="375937"/>
                </a:xfrm>
              </p:grpSpPr>
              <p:sp>
                <p:nvSpPr>
                  <p:cNvPr id="59" name="Google Shape;542;p10">
                    <a:extLst>
                      <a:ext uri="{FF2B5EF4-FFF2-40B4-BE49-F238E27FC236}">
                        <a16:creationId xmlns:a16="http://schemas.microsoft.com/office/drawing/2014/main" id="{565D34DA-BF69-C1F6-4872-76A314F67879}"/>
                      </a:ext>
                    </a:extLst>
                  </p:cNvPr>
                  <p:cNvSpPr/>
                  <p:nvPr/>
                </p:nvSpPr>
                <p:spPr>
                  <a:xfrm>
                    <a:off x="4380547" y="3114281"/>
                    <a:ext cx="336481" cy="181291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9492" h="10502" extrusionOk="0">
                        <a:moveTo>
                          <a:pt x="1" y="1"/>
                        </a:moveTo>
                        <a:lnTo>
                          <a:pt x="1" y="6097"/>
                        </a:lnTo>
                        <a:lnTo>
                          <a:pt x="13" y="6121"/>
                        </a:lnTo>
                        <a:cubicBezTo>
                          <a:pt x="156" y="6287"/>
                          <a:pt x="322" y="6466"/>
                          <a:pt x="537" y="6692"/>
                        </a:cubicBezTo>
                        <a:cubicBezTo>
                          <a:pt x="3001" y="9145"/>
                          <a:pt x="6263" y="10502"/>
                          <a:pt x="9752" y="10502"/>
                        </a:cubicBezTo>
                        <a:cubicBezTo>
                          <a:pt x="13241" y="10502"/>
                          <a:pt x="16503" y="9145"/>
                          <a:pt x="18956" y="6692"/>
                        </a:cubicBezTo>
                        <a:lnTo>
                          <a:pt x="19491" y="6144"/>
                        </a:lnTo>
                        <a:lnTo>
                          <a:pt x="19491" y="1"/>
                        </a:lnTo>
                        <a:lnTo>
                          <a:pt x="18658" y="846"/>
                        </a:lnTo>
                        <a:cubicBezTo>
                          <a:pt x="18205" y="1299"/>
                          <a:pt x="17777" y="1727"/>
                          <a:pt x="17372" y="2132"/>
                        </a:cubicBezTo>
                        <a:cubicBezTo>
                          <a:pt x="15336" y="4168"/>
                          <a:pt x="12633" y="5287"/>
                          <a:pt x="9752" y="5287"/>
                        </a:cubicBezTo>
                        <a:cubicBezTo>
                          <a:pt x="6871" y="5287"/>
                          <a:pt x="4156" y="4168"/>
                          <a:pt x="2132" y="2132"/>
                        </a:cubicBezTo>
                        <a:lnTo>
                          <a:pt x="1" y="1"/>
                        </a:lnTo>
                        <a:close/>
                      </a:path>
                    </a:pathLst>
                  </a:custGeom>
                  <a:solidFill>
                    <a:srgbClr val="FCBD24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60" name="Google Shape;543;p10">
                    <a:extLst>
                      <a:ext uri="{FF2B5EF4-FFF2-40B4-BE49-F238E27FC236}">
                        <a16:creationId xmlns:a16="http://schemas.microsoft.com/office/drawing/2014/main" id="{66795B23-4525-2FCC-6ADA-07AAFB23F913}"/>
                      </a:ext>
                    </a:extLst>
                  </p:cNvPr>
                  <p:cNvSpPr/>
                  <p:nvPr/>
                </p:nvSpPr>
                <p:spPr>
                  <a:xfrm>
                    <a:off x="4714354" y="2919635"/>
                    <a:ext cx="302974" cy="303181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7551" h="17563" extrusionOk="0">
                        <a:moveTo>
                          <a:pt x="1" y="1"/>
                        </a:moveTo>
                        <a:lnTo>
                          <a:pt x="1" y="17562"/>
                        </a:lnTo>
                        <a:lnTo>
                          <a:pt x="17550" y="1"/>
                        </a:lnTo>
                        <a:close/>
                      </a:path>
                    </a:pathLst>
                  </a:custGeom>
                  <a:solidFill>
                    <a:srgbClr val="FCBD24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</p:grpSp>
            <p:grpSp>
              <p:nvGrpSpPr>
                <p:cNvPr id="50" name="Google Shape;544;p10">
                  <a:extLst>
                    <a:ext uri="{FF2B5EF4-FFF2-40B4-BE49-F238E27FC236}">
                      <a16:creationId xmlns:a16="http://schemas.microsoft.com/office/drawing/2014/main" id="{A0914CC8-1D4B-91F3-50D0-18B743922E23}"/>
                    </a:ext>
                  </a:extLst>
                </p:cNvPr>
                <p:cNvGrpSpPr/>
                <p:nvPr/>
              </p:nvGrpSpPr>
              <p:grpSpPr>
                <a:xfrm>
                  <a:off x="4714354" y="2285940"/>
                  <a:ext cx="375747" cy="636160"/>
                  <a:chOff x="4714354" y="2285940"/>
                  <a:chExt cx="375747" cy="636160"/>
                </a:xfrm>
              </p:grpSpPr>
              <p:sp>
                <p:nvSpPr>
                  <p:cNvPr id="57" name="Google Shape;545;p10">
                    <a:extLst>
                      <a:ext uri="{FF2B5EF4-FFF2-40B4-BE49-F238E27FC236}">
                        <a16:creationId xmlns:a16="http://schemas.microsoft.com/office/drawing/2014/main" id="{43654DF9-D387-D75B-91A6-74B7E9EB488C}"/>
                      </a:ext>
                    </a:extLst>
                  </p:cNvPr>
                  <p:cNvSpPr/>
                  <p:nvPr/>
                </p:nvSpPr>
                <p:spPr>
                  <a:xfrm>
                    <a:off x="4908793" y="2585619"/>
                    <a:ext cx="181308" cy="336481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0503" h="19492" extrusionOk="0">
                        <a:moveTo>
                          <a:pt x="13" y="1"/>
                        </a:moveTo>
                        <a:lnTo>
                          <a:pt x="2132" y="2144"/>
                        </a:lnTo>
                        <a:cubicBezTo>
                          <a:pt x="6347" y="6347"/>
                          <a:pt x="6347" y="13169"/>
                          <a:pt x="2132" y="17372"/>
                        </a:cubicBezTo>
                        <a:lnTo>
                          <a:pt x="1" y="19491"/>
                        </a:lnTo>
                        <a:lnTo>
                          <a:pt x="6156" y="19491"/>
                        </a:lnTo>
                        <a:lnTo>
                          <a:pt x="6156" y="19456"/>
                        </a:lnTo>
                        <a:lnTo>
                          <a:pt x="6650" y="18904"/>
                        </a:lnTo>
                        <a:lnTo>
                          <a:pt x="6650" y="18904"/>
                        </a:lnTo>
                        <a:lnTo>
                          <a:pt x="6692" y="18968"/>
                        </a:lnTo>
                        <a:cubicBezTo>
                          <a:pt x="9157" y="16515"/>
                          <a:pt x="10502" y="13264"/>
                          <a:pt x="10502" y="9776"/>
                        </a:cubicBezTo>
                        <a:cubicBezTo>
                          <a:pt x="10502" y="6299"/>
                          <a:pt x="9145" y="3013"/>
                          <a:pt x="6692" y="549"/>
                        </a:cubicBezTo>
                        <a:lnTo>
                          <a:pt x="6144" y="1"/>
                        </a:lnTo>
                        <a:close/>
                      </a:path>
                    </a:pathLst>
                  </a:custGeom>
                  <a:solidFill>
                    <a:srgbClr val="5EB2FC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58" name="Google Shape;546;p10">
                    <a:extLst>
                      <a:ext uri="{FF2B5EF4-FFF2-40B4-BE49-F238E27FC236}">
                        <a16:creationId xmlns:a16="http://schemas.microsoft.com/office/drawing/2014/main" id="{764608D4-E470-55E7-E9C7-32067AA0578C}"/>
                      </a:ext>
                    </a:extLst>
                  </p:cNvPr>
                  <p:cNvSpPr/>
                  <p:nvPr/>
                </p:nvSpPr>
                <p:spPr>
                  <a:xfrm>
                    <a:off x="4714354" y="2285940"/>
                    <a:ext cx="303181" cy="302146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7563" h="17503" extrusionOk="0">
                        <a:moveTo>
                          <a:pt x="1" y="1"/>
                        </a:moveTo>
                        <a:lnTo>
                          <a:pt x="1" y="17503"/>
                        </a:lnTo>
                        <a:lnTo>
                          <a:pt x="17562" y="17503"/>
                        </a:lnTo>
                        <a:lnTo>
                          <a:pt x="17146" y="17098"/>
                        </a:lnTo>
                        <a:cubicBezTo>
                          <a:pt x="12240" y="12193"/>
                          <a:pt x="4954" y="4930"/>
                          <a:pt x="143" y="120"/>
                        </a:cubicBezTo>
                        <a:lnTo>
                          <a:pt x="1" y="1"/>
                        </a:lnTo>
                        <a:close/>
                      </a:path>
                    </a:pathLst>
                  </a:custGeom>
                  <a:solidFill>
                    <a:srgbClr val="5EB2FC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</p:grpSp>
            <p:grpSp>
              <p:nvGrpSpPr>
                <p:cNvPr id="51" name="Google Shape;547;p10">
                  <a:extLst>
                    <a:ext uri="{FF2B5EF4-FFF2-40B4-BE49-F238E27FC236}">
                      <a16:creationId xmlns:a16="http://schemas.microsoft.com/office/drawing/2014/main" id="{2E1A007F-AB6D-77A2-DDC7-4BF877468BAF}"/>
                    </a:ext>
                  </a:extLst>
                </p:cNvPr>
                <p:cNvGrpSpPr/>
                <p:nvPr/>
              </p:nvGrpSpPr>
              <p:grpSpPr>
                <a:xfrm>
                  <a:off x="3985903" y="2585619"/>
                  <a:ext cx="397112" cy="637197"/>
                  <a:chOff x="3985903" y="2585619"/>
                  <a:chExt cx="397112" cy="637197"/>
                </a:xfrm>
              </p:grpSpPr>
              <p:sp>
                <p:nvSpPr>
                  <p:cNvPr id="55" name="Google Shape;548;p10">
                    <a:extLst>
                      <a:ext uri="{FF2B5EF4-FFF2-40B4-BE49-F238E27FC236}">
                        <a16:creationId xmlns:a16="http://schemas.microsoft.com/office/drawing/2014/main" id="{4714B3B1-B326-B7D6-A1D3-C75129717DC2}"/>
                      </a:ext>
                    </a:extLst>
                  </p:cNvPr>
                  <p:cNvSpPr/>
                  <p:nvPr/>
                </p:nvSpPr>
                <p:spPr>
                  <a:xfrm>
                    <a:off x="3985903" y="2585619"/>
                    <a:ext cx="203093" cy="336481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1765" h="19492" extrusionOk="0">
                        <a:moveTo>
                          <a:pt x="5621" y="1"/>
                        </a:moveTo>
                        <a:lnTo>
                          <a:pt x="5085" y="549"/>
                        </a:lnTo>
                        <a:cubicBezTo>
                          <a:pt x="1" y="5633"/>
                          <a:pt x="1" y="13884"/>
                          <a:pt x="5085" y="18968"/>
                        </a:cubicBezTo>
                        <a:lnTo>
                          <a:pt x="5621" y="19491"/>
                        </a:lnTo>
                        <a:lnTo>
                          <a:pt x="11764" y="19491"/>
                        </a:lnTo>
                        <a:lnTo>
                          <a:pt x="9633" y="17384"/>
                        </a:lnTo>
                        <a:cubicBezTo>
                          <a:pt x="7597" y="15348"/>
                          <a:pt x="6478" y="12657"/>
                          <a:pt x="6478" y="9776"/>
                        </a:cubicBezTo>
                        <a:cubicBezTo>
                          <a:pt x="6478" y="6895"/>
                          <a:pt x="7597" y="4168"/>
                          <a:pt x="9633" y="2144"/>
                        </a:cubicBezTo>
                        <a:lnTo>
                          <a:pt x="11764" y="1"/>
                        </a:lnTo>
                        <a:close/>
                      </a:path>
                    </a:pathLst>
                  </a:custGeom>
                  <a:solidFill>
                    <a:srgbClr val="4949E7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56" name="Google Shape;549;p10">
                    <a:extLst>
                      <a:ext uri="{FF2B5EF4-FFF2-40B4-BE49-F238E27FC236}">
                        <a16:creationId xmlns:a16="http://schemas.microsoft.com/office/drawing/2014/main" id="{E0EAA080-D8F7-0666-C189-2FA0CCA73C6E}"/>
                      </a:ext>
                    </a:extLst>
                  </p:cNvPr>
                  <p:cNvSpPr/>
                  <p:nvPr/>
                </p:nvSpPr>
                <p:spPr>
                  <a:xfrm>
                    <a:off x="4080455" y="2919635"/>
                    <a:ext cx="302560" cy="303181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7527" h="17563" extrusionOk="0">
                        <a:moveTo>
                          <a:pt x="1" y="1"/>
                        </a:moveTo>
                        <a:lnTo>
                          <a:pt x="120" y="143"/>
                        </a:lnTo>
                        <a:cubicBezTo>
                          <a:pt x="5025" y="5049"/>
                          <a:pt x="12502" y="12526"/>
                          <a:pt x="17396" y="17431"/>
                        </a:cubicBezTo>
                        <a:lnTo>
                          <a:pt x="17527" y="17562"/>
                        </a:lnTo>
                        <a:lnTo>
                          <a:pt x="17527" y="1"/>
                        </a:lnTo>
                        <a:close/>
                      </a:path>
                    </a:pathLst>
                  </a:custGeom>
                  <a:solidFill>
                    <a:srgbClr val="4949E7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</p:grpSp>
            <p:grpSp>
              <p:nvGrpSpPr>
                <p:cNvPr id="52" name="Google Shape;550;p10">
                  <a:extLst>
                    <a:ext uri="{FF2B5EF4-FFF2-40B4-BE49-F238E27FC236}">
                      <a16:creationId xmlns:a16="http://schemas.microsoft.com/office/drawing/2014/main" id="{4C9F4506-E34B-F5C4-3A1F-3428E6298776}"/>
                    </a:ext>
                  </a:extLst>
                </p:cNvPr>
                <p:cNvGrpSpPr/>
                <p:nvPr/>
              </p:nvGrpSpPr>
              <p:grpSpPr>
                <a:xfrm>
                  <a:off x="4080455" y="2213381"/>
                  <a:ext cx="636573" cy="374705"/>
                  <a:chOff x="4080455" y="2213381"/>
                  <a:chExt cx="636573" cy="374705"/>
                </a:xfrm>
              </p:grpSpPr>
              <p:sp>
                <p:nvSpPr>
                  <p:cNvPr id="53" name="Google Shape;551;p10">
                    <a:extLst>
                      <a:ext uri="{FF2B5EF4-FFF2-40B4-BE49-F238E27FC236}">
                        <a16:creationId xmlns:a16="http://schemas.microsoft.com/office/drawing/2014/main" id="{1901B4EC-FAE6-1C5A-771A-CFA363C449BF}"/>
                      </a:ext>
                    </a:extLst>
                  </p:cNvPr>
                  <p:cNvSpPr/>
                  <p:nvPr/>
                </p:nvSpPr>
                <p:spPr>
                  <a:xfrm>
                    <a:off x="4380340" y="2213381"/>
                    <a:ext cx="336688" cy="181101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9504" h="10491" extrusionOk="0">
                        <a:moveTo>
                          <a:pt x="9764" y="1"/>
                        </a:moveTo>
                        <a:cubicBezTo>
                          <a:pt x="6287" y="1"/>
                          <a:pt x="3013" y="1358"/>
                          <a:pt x="549" y="3811"/>
                        </a:cubicBezTo>
                        <a:lnTo>
                          <a:pt x="1" y="4358"/>
                        </a:lnTo>
                        <a:lnTo>
                          <a:pt x="1" y="10490"/>
                        </a:lnTo>
                        <a:lnTo>
                          <a:pt x="2144" y="8359"/>
                        </a:lnTo>
                        <a:cubicBezTo>
                          <a:pt x="4180" y="6323"/>
                          <a:pt x="6883" y="5204"/>
                          <a:pt x="9764" y="5204"/>
                        </a:cubicBezTo>
                        <a:cubicBezTo>
                          <a:pt x="12645" y="5204"/>
                          <a:pt x="15348" y="6323"/>
                          <a:pt x="17384" y="8359"/>
                        </a:cubicBezTo>
                        <a:lnTo>
                          <a:pt x="19503" y="10490"/>
                        </a:lnTo>
                        <a:lnTo>
                          <a:pt x="19503" y="4442"/>
                        </a:lnTo>
                        <a:lnTo>
                          <a:pt x="19444" y="4442"/>
                        </a:lnTo>
                        <a:lnTo>
                          <a:pt x="18932" y="3894"/>
                        </a:lnTo>
                        <a:lnTo>
                          <a:pt x="18979" y="3823"/>
                        </a:lnTo>
                        <a:cubicBezTo>
                          <a:pt x="16527" y="1370"/>
                          <a:pt x="13253" y="1"/>
                          <a:pt x="9764" y="1"/>
                        </a:cubicBezTo>
                        <a:close/>
                      </a:path>
                    </a:pathLst>
                  </a:custGeom>
                  <a:solidFill>
                    <a:srgbClr val="EC3A3B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  <p:sp>
                <p:nvSpPr>
                  <p:cNvPr id="54" name="Google Shape;552;p10">
                    <a:extLst>
                      <a:ext uri="{FF2B5EF4-FFF2-40B4-BE49-F238E27FC236}">
                        <a16:creationId xmlns:a16="http://schemas.microsoft.com/office/drawing/2014/main" id="{422B5657-B4E5-3A4C-0D4D-41438B07851B}"/>
                      </a:ext>
                    </a:extLst>
                  </p:cNvPr>
                  <p:cNvSpPr/>
                  <p:nvPr/>
                </p:nvSpPr>
                <p:spPr>
                  <a:xfrm>
                    <a:off x="4080455" y="2285940"/>
                    <a:ext cx="302560" cy="302146"/>
                  </a:xfrm>
                  <a:custGeom>
                    <a:avLst/>
                    <a:gdLst/>
                    <a:ahLst/>
                    <a:cxnLst/>
                    <a:rect l="l" t="t" r="r" b="b"/>
                    <a:pathLst>
                      <a:path w="17527" h="17503" extrusionOk="0">
                        <a:moveTo>
                          <a:pt x="17527" y="1"/>
                        </a:moveTo>
                        <a:lnTo>
                          <a:pt x="1" y="17503"/>
                        </a:lnTo>
                        <a:lnTo>
                          <a:pt x="17527" y="17503"/>
                        </a:lnTo>
                        <a:lnTo>
                          <a:pt x="17527" y="1"/>
                        </a:lnTo>
                        <a:close/>
                      </a:path>
                    </a:pathLst>
                  </a:custGeom>
                  <a:solidFill>
                    <a:srgbClr val="EC3A3B"/>
                  </a:solidFill>
                  <a:ln>
                    <a:noFill/>
                  </a:ln>
                </p:spPr>
                <p:txBody>
                  <a:bodyPr spcFirstLastPara="1" wrap="square" lIns="121900" tIns="121900" rIns="121900" bIns="121900" anchor="ctr" anchorCtr="0">
                    <a:noAutofit/>
                  </a:bodyPr>
                  <a:lstStyle/>
                  <a:p>
                    <a:pPr marL="0" marR="0" lvl="0" indent="0" algn="l" rtl="0">
                      <a:spcBef>
                        <a:spcPts val="0"/>
                      </a:spcBef>
                      <a:spcAft>
                        <a:spcPts val="0"/>
                      </a:spcAft>
                      <a:buNone/>
                    </a:pPr>
                    <a:endParaRPr sz="2400">
                      <a:solidFill>
                        <a:schemeClr val="dk1"/>
                      </a:solidFill>
                      <a:latin typeface="Arial"/>
                      <a:ea typeface="Arial"/>
                      <a:cs typeface="Arial"/>
                      <a:sym typeface="Arial"/>
                    </a:endParaRPr>
                  </a:p>
                </p:txBody>
              </p:sp>
            </p:grpSp>
          </p:grpSp>
          <p:grpSp>
            <p:nvGrpSpPr>
              <p:cNvPr id="41" name="Google Shape;553;p10">
                <a:extLst>
                  <a:ext uri="{FF2B5EF4-FFF2-40B4-BE49-F238E27FC236}">
                    <a16:creationId xmlns:a16="http://schemas.microsoft.com/office/drawing/2014/main" id="{4422193F-8695-9DF7-2151-0F614CDF820F}"/>
                  </a:ext>
                </a:extLst>
              </p:cNvPr>
              <p:cNvGrpSpPr/>
              <p:nvPr/>
            </p:nvGrpSpPr>
            <p:grpSpPr>
              <a:xfrm>
                <a:off x="5909378" y="3494930"/>
                <a:ext cx="311836" cy="355292"/>
                <a:chOff x="4645650" y="3962900"/>
                <a:chExt cx="259950" cy="296175"/>
              </a:xfrm>
            </p:grpSpPr>
            <p:sp>
              <p:nvSpPr>
                <p:cNvPr id="42" name="Google Shape;554;p10">
                  <a:extLst>
                    <a:ext uri="{FF2B5EF4-FFF2-40B4-BE49-F238E27FC236}">
                      <a16:creationId xmlns:a16="http://schemas.microsoft.com/office/drawing/2014/main" id="{63F5C62C-E260-F4D8-2602-D5E1CE3E2CA1}"/>
                    </a:ext>
                  </a:extLst>
                </p:cNvPr>
                <p:cNvSpPr/>
                <p:nvPr/>
              </p:nvSpPr>
              <p:spPr>
                <a:xfrm>
                  <a:off x="4853600" y="4155100"/>
                  <a:ext cx="52000" cy="1039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080" h="4159" extrusionOk="0">
                      <a:moveTo>
                        <a:pt x="0" y="0"/>
                      </a:moveTo>
                      <a:lnTo>
                        <a:pt x="0" y="4159"/>
                      </a:lnTo>
                      <a:lnTo>
                        <a:pt x="1733" y="4159"/>
                      </a:lnTo>
                      <a:cubicBezTo>
                        <a:pt x="1922" y="4159"/>
                        <a:pt x="2079" y="4001"/>
                        <a:pt x="2079" y="3812"/>
                      </a:cubicBezTo>
                      <a:lnTo>
                        <a:pt x="2079" y="1733"/>
                      </a:lnTo>
                      <a:cubicBezTo>
                        <a:pt x="2079" y="788"/>
                        <a:pt x="1292" y="0"/>
                        <a:pt x="347" y="0"/>
                      </a:cubicBezTo>
                      <a:close/>
                    </a:path>
                  </a:pathLst>
                </a:cu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43" name="Google Shape;555;p10">
                  <a:extLst>
                    <a:ext uri="{FF2B5EF4-FFF2-40B4-BE49-F238E27FC236}">
                      <a16:creationId xmlns:a16="http://schemas.microsoft.com/office/drawing/2014/main" id="{719CFC7C-80C8-0DDD-FEB4-4F08298469EA}"/>
                    </a:ext>
                  </a:extLst>
                </p:cNvPr>
                <p:cNvSpPr/>
                <p:nvPr/>
              </p:nvSpPr>
              <p:spPr>
                <a:xfrm>
                  <a:off x="4714975" y="4155100"/>
                  <a:ext cx="121300" cy="5062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4852" h="2025" extrusionOk="0">
                      <a:moveTo>
                        <a:pt x="0" y="0"/>
                      </a:moveTo>
                      <a:lnTo>
                        <a:pt x="0" y="1481"/>
                      </a:lnTo>
                      <a:cubicBezTo>
                        <a:pt x="772" y="1843"/>
                        <a:pt x="1599" y="2024"/>
                        <a:pt x="2426" y="2024"/>
                      </a:cubicBezTo>
                      <a:cubicBezTo>
                        <a:pt x="3253" y="2024"/>
                        <a:pt x="4080" y="1843"/>
                        <a:pt x="4852" y="1481"/>
                      </a:cubicBezTo>
                      <a:lnTo>
                        <a:pt x="4852" y="0"/>
                      </a:lnTo>
                      <a:lnTo>
                        <a:pt x="4789" y="0"/>
                      </a:lnTo>
                      <a:cubicBezTo>
                        <a:pt x="4348" y="410"/>
                        <a:pt x="3781" y="693"/>
                        <a:pt x="3119" y="693"/>
                      </a:cubicBezTo>
                      <a:lnTo>
                        <a:pt x="1733" y="693"/>
                      </a:lnTo>
                      <a:cubicBezTo>
                        <a:pt x="1071" y="693"/>
                        <a:pt x="473" y="410"/>
                        <a:pt x="32" y="0"/>
                      </a:cubicBezTo>
                      <a:close/>
                    </a:path>
                  </a:pathLst>
                </a:cu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44" name="Google Shape;556;p10">
                  <a:extLst>
                    <a:ext uri="{FF2B5EF4-FFF2-40B4-BE49-F238E27FC236}">
                      <a16:creationId xmlns:a16="http://schemas.microsoft.com/office/drawing/2014/main" id="{ABF38D15-F25C-0F53-69B7-273756145EDB}"/>
                    </a:ext>
                  </a:extLst>
                </p:cNvPr>
                <p:cNvSpPr/>
                <p:nvPr/>
              </p:nvSpPr>
              <p:spPr>
                <a:xfrm>
                  <a:off x="4714975" y="4211025"/>
                  <a:ext cx="121300" cy="4805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4852" h="1922" extrusionOk="0">
                      <a:moveTo>
                        <a:pt x="0" y="0"/>
                      </a:moveTo>
                      <a:lnTo>
                        <a:pt x="0" y="1922"/>
                      </a:lnTo>
                      <a:lnTo>
                        <a:pt x="4852" y="1922"/>
                      </a:lnTo>
                      <a:lnTo>
                        <a:pt x="4852" y="0"/>
                      </a:lnTo>
                      <a:cubicBezTo>
                        <a:pt x="4080" y="315"/>
                        <a:pt x="3253" y="473"/>
                        <a:pt x="2426" y="473"/>
                      </a:cubicBezTo>
                      <a:cubicBezTo>
                        <a:pt x="1599" y="473"/>
                        <a:pt x="772" y="315"/>
                        <a:pt x="0" y="0"/>
                      </a:cubicBezTo>
                      <a:close/>
                    </a:path>
                  </a:pathLst>
                </a:cu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45" name="Google Shape;557;p10">
                  <a:extLst>
                    <a:ext uri="{FF2B5EF4-FFF2-40B4-BE49-F238E27FC236}">
                      <a16:creationId xmlns:a16="http://schemas.microsoft.com/office/drawing/2014/main" id="{1C2B35FF-A264-61E9-7CEF-F2843703CFD6}"/>
                    </a:ext>
                  </a:extLst>
                </p:cNvPr>
                <p:cNvSpPr/>
                <p:nvPr/>
              </p:nvSpPr>
              <p:spPr>
                <a:xfrm>
                  <a:off x="4645650" y="4154300"/>
                  <a:ext cx="52025" cy="1047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2081" h="4191" extrusionOk="0">
                      <a:moveTo>
                        <a:pt x="1734" y="1"/>
                      </a:moveTo>
                      <a:cubicBezTo>
                        <a:pt x="757" y="32"/>
                        <a:pt x="1" y="757"/>
                        <a:pt x="1" y="1765"/>
                      </a:cubicBezTo>
                      <a:lnTo>
                        <a:pt x="1" y="3844"/>
                      </a:lnTo>
                      <a:cubicBezTo>
                        <a:pt x="1" y="4033"/>
                        <a:pt x="158" y="4191"/>
                        <a:pt x="379" y="4191"/>
                      </a:cubicBezTo>
                      <a:lnTo>
                        <a:pt x="2080" y="4191"/>
                      </a:lnTo>
                      <a:lnTo>
                        <a:pt x="2080" y="1"/>
                      </a:lnTo>
                      <a:close/>
                    </a:path>
                  </a:pathLst>
                </a:cu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46" name="Google Shape;558;p10">
                  <a:extLst>
                    <a:ext uri="{FF2B5EF4-FFF2-40B4-BE49-F238E27FC236}">
                      <a16:creationId xmlns:a16="http://schemas.microsoft.com/office/drawing/2014/main" id="{2E0710A2-90F6-AF51-A062-2E2D42F7C248}"/>
                    </a:ext>
                  </a:extLst>
                </p:cNvPr>
                <p:cNvSpPr/>
                <p:nvPr/>
              </p:nvSpPr>
              <p:spPr>
                <a:xfrm>
                  <a:off x="4722850" y="4049550"/>
                  <a:ext cx="103975" cy="105575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4159" h="4223" extrusionOk="0">
                      <a:moveTo>
                        <a:pt x="2080" y="1"/>
                      </a:moveTo>
                      <a:cubicBezTo>
                        <a:pt x="1765" y="442"/>
                        <a:pt x="1260" y="694"/>
                        <a:pt x="693" y="694"/>
                      </a:cubicBezTo>
                      <a:lnTo>
                        <a:pt x="0" y="694"/>
                      </a:lnTo>
                      <a:lnTo>
                        <a:pt x="0" y="3498"/>
                      </a:lnTo>
                      <a:cubicBezTo>
                        <a:pt x="347" y="3939"/>
                        <a:pt x="851" y="4222"/>
                        <a:pt x="1418" y="4222"/>
                      </a:cubicBezTo>
                      <a:lnTo>
                        <a:pt x="2804" y="4222"/>
                      </a:lnTo>
                      <a:cubicBezTo>
                        <a:pt x="3340" y="4222"/>
                        <a:pt x="3844" y="3939"/>
                        <a:pt x="4159" y="3498"/>
                      </a:cubicBezTo>
                      <a:lnTo>
                        <a:pt x="4159" y="694"/>
                      </a:lnTo>
                      <a:lnTo>
                        <a:pt x="3466" y="694"/>
                      </a:lnTo>
                      <a:cubicBezTo>
                        <a:pt x="2899" y="694"/>
                        <a:pt x="2395" y="442"/>
                        <a:pt x="2080" y="1"/>
                      </a:cubicBezTo>
                      <a:close/>
                    </a:path>
                  </a:pathLst>
                </a:cu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47" name="Google Shape;559;p10">
                  <a:extLst>
                    <a:ext uri="{FF2B5EF4-FFF2-40B4-BE49-F238E27FC236}">
                      <a16:creationId xmlns:a16="http://schemas.microsoft.com/office/drawing/2014/main" id="{0509B39A-E5B5-1C89-9E3E-687DFF901AB8}"/>
                    </a:ext>
                  </a:extLst>
                </p:cNvPr>
                <p:cNvSpPr/>
                <p:nvPr/>
              </p:nvSpPr>
              <p:spPr>
                <a:xfrm>
                  <a:off x="4678725" y="3962900"/>
                  <a:ext cx="190650" cy="174100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7626" h="6964" extrusionOk="0">
                      <a:moveTo>
                        <a:pt x="3813" y="1"/>
                      </a:moveTo>
                      <a:cubicBezTo>
                        <a:pt x="1734" y="1"/>
                        <a:pt x="1" y="1702"/>
                        <a:pt x="1" y="3813"/>
                      </a:cubicBezTo>
                      <a:lnTo>
                        <a:pt x="1" y="5955"/>
                      </a:lnTo>
                      <a:lnTo>
                        <a:pt x="64" y="5955"/>
                      </a:lnTo>
                      <a:cubicBezTo>
                        <a:pt x="64" y="6522"/>
                        <a:pt x="537" y="6964"/>
                        <a:pt x="1104" y="6964"/>
                      </a:cubicBezTo>
                      <a:lnTo>
                        <a:pt x="1104" y="3813"/>
                      </a:lnTo>
                      <a:cubicBezTo>
                        <a:pt x="1104" y="3624"/>
                        <a:pt x="1261" y="3467"/>
                        <a:pt x="1450" y="3467"/>
                      </a:cubicBezTo>
                      <a:lnTo>
                        <a:pt x="2458" y="3467"/>
                      </a:lnTo>
                      <a:cubicBezTo>
                        <a:pt x="3057" y="3467"/>
                        <a:pt x="3498" y="2994"/>
                        <a:pt x="3498" y="2427"/>
                      </a:cubicBezTo>
                      <a:lnTo>
                        <a:pt x="3498" y="1734"/>
                      </a:lnTo>
                      <a:cubicBezTo>
                        <a:pt x="3498" y="1545"/>
                        <a:pt x="3656" y="1387"/>
                        <a:pt x="3845" y="1387"/>
                      </a:cubicBezTo>
                      <a:cubicBezTo>
                        <a:pt x="4034" y="1387"/>
                        <a:pt x="4191" y="1545"/>
                        <a:pt x="4191" y="1734"/>
                      </a:cubicBezTo>
                      <a:lnTo>
                        <a:pt x="4191" y="2427"/>
                      </a:lnTo>
                      <a:cubicBezTo>
                        <a:pt x="4191" y="3025"/>
                        <a:pt x="4664" y="3467"/>
                        <a:pt x="5231" y="3467"/>
                      </a:cubicBezTo>
                      <a:lnTo>
                        <a:pt x="6239" y="3467"/>
                      </a:lnTo>
                      <a:cubicBezTo>
                        <a:pt x="6459" y="3467"/>
                        <a:pt x="6617" y="3624"/>
                        <a:pt x="6617" y="3813"/>
                      </a:cubicBezTo>
                      <a:lnTo>
                        <a:pt x="6617" y="6964"/>
                      </a:lnTo>
                      <a:cubicBezTo>
                        <a:pt x="7184" y="6964"/>
                        <a:pt x="7625" y="6491"/>
                        <a:pt x="7625" y="5955"/>
                      </a:cubicBezTo>
                      <a:lnTo>
                        <a:pt x="7625" y="3813"/>
                      </a:lnTo>
                      <a:cubicBezTo>
                        <a:pt x="7625" y="1734"/>
                        <a:pt x="5924" y="1"/>
                        <a:pt x="3813" y="1"/>
                      </a:cubicBezTo>
                      <a:close/>
                    </a:path>
                  </a:pathLst>
                </a:custGeom>
                <a:solidFill>
                  <a:schemeClr val="accent3"/>
                </a:solidFill>
                <a:ln>
                  <a:noFill/>
                </a:ln>
              </p:spPr>
              <p:txBody>
                <a:bodyPr spcFirstLastPara="1" wrap="square" lIns="121900" tIns="121900" rIns="121900" bIns="121900" anchor="ctr" anchorCtr="0">
                  <a:noAutofit/>
                </a:bodyPr>
                <a:lstStyle/>
                <a:p>
                  <a:pPr marL="0" marR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sz="2400">
                    <a:solidFill>
                      <a:schemeClr val="dk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</p:grpSp>
        </p:grpSp>
        <p:grpSp>
          <p:nvGrpSpPr>
            <p:cNvPr id="27" name="Google Shape;560;p10">
              <a:extLst>
                <a:ext uri="{FF2B5EF4-FFF2-40B4-BE49-F238E27FC236}">
                  <a16:creationId xmlns:a16="http://schemas.microsoft.com/office/drawing/2014/main" id="{DC8387E6-CA52-2F26-2165-766844D4EC92}"/>
                </a:ext>
              </a:extLst>
            </p:cNvPr>
            <p:cNvGrpSpPr/>
            <p:nvPr/>
          </p:nvGrpSpPr>
          <p:grpSpPr>
            <a:xfrm>
              <a:off x="5746162" y="3855107"/>
              <a:ext cx="462347" cy="245835"/>
              <a:chOff x="3891558" y="2180494"/>
              <a:chExt cx="346769" cy="184381"/>
            </a:xfrm>
          </p:grpSpPr>
          <p:sp>
            <p:nvSpPr>
              <p:cNvPr id="28" name="Google Shape;561;p10">
                <a:extLst>
                  <a:ext uri="{FF2B5EF4-FFF2-40B4-BE49-F238E27FC236}">
                    <a16:creationId xmlns:a16="http://schemas.microsoft.com/office/drawing/2014/main" id="{80599BC0-3C3B-8533-621A-CFDE396D55A1}"/>
                  </a:ext>
                </a:extLst>
              </p:cNvPr>
              <p:cNvSpPr/>
              <p:nvPr/>
            </p:nvSpPr>
            <p:spPr>
              <a:xfrm>
                <a:off x="3949943" y="2180494"/>
                <a:ext cx="230006" cy="184381"/>
              </a:xfrm>
              <a:custGeom>
                <a:avLst/>
                <a:gdLst/>
                <a:ahLst/>
                <a:cxnLst/>
                <a:rect l="l" t="t" r="r" b="b"/>
                <a:pathLst>
                  <a:path w="13324" h="10681" extrusionOk="0">
                    <a:moveTo>
                      <a:pt x="1369" y="1"/>
                    </a:moveTo>
                    <a:cubicBezTo>
                      <a:pt x="619" y="1"/>
                      <a:pt x="0" y="620"/>
                      <a:pt x="0" y="1370"/>
                    </a:cubicBezTo>
                    <a:lnTo>
                      <a:pt x="0" y="9311"/>
                    </a:lnTo>
                    <a:cubicBezTo>
                      <a:pt x="0" y="10073"/>
                      <a:pt x="619" y="10681"/>
                      <a:pt x="1369" y="10681"/>
                    </a:cubicBezTo>
                    <a:lnTo>
                      <a:pt x="3453" y="10681"/>
                    </a:lnTo>
                    <a:lnTo>
                      <a:pt x="3453" y="5906"/>
                    </a:lnTo>
                    <a:lnTo>
                      <a:pt x="9870" y="5906"/>
                    </a:lnTo>
                    <a:lnTo>
                      <a:pt x="9870" y="10681"/>
                    </a:lnTo>
                    <a:lnTo>
                      <a:pt x="11954" y="10681"/>
                    </a:lnTo>
                    <a:cubicBezTo>
                      <a:pt x="12704" y="10681"/>
                      <a:pt x="13323" y="10073"/>
                      <a:pt x="13323" y="9311"/>
                    </a:cubicBezTo>
                    <a:lnTo>
                      <a:pt x="13323" y="1370"/>
                    </a:lnTo>
                    <a:cubicBezTo>
                      <a:pt x="13323" y="620"/>
                      <a:pt x="12704" y="1"/>
                      <a:pt x="11954" y="1"/>
                    </a:cubicBezTo>
                    <a:lnTo>
                      <a:pt x="9870" y="1"/>
                    </a:lnTo>
                    <a:lnTo>
                      <a:pt x="9870" y="3966"/>
                    </a:lnTo>
                    <a:lnTo>
                      <a:pt x="3453" y="3966"/>
                    </a:lnTo>
                    <a:lnTo>
                      <a:pt x="3453" y="1"/>
                    </a:lnTo>
                    <a:close/>
                  </a:path>
                </a:pathLst>
              </a:custGeom>
              <a:solidFill>
                <a:srgbClr val="EC3A3B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24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9" name="Google Shape;562;p10">
                <a:extLst>
                  <a:ext uri="{FF2B5EF4-FFF2-40B4-BE49-F238E27FC236}">
                    <a16:creationId xmlns:a16="http://schemas.microsoft.com/office/drawing/2014/main" id="{C0C5AAA9-B889-97F2-CE45-66E942346196}"/>
                  </a:ext>
                </a:extLst>
              </p:cNvPr>
              <p:cNvSpPr/>
              <p:nvPr/>
            </p:nvSpPr>
            <p:spPr>
              <a:xfrm>
                <a:off x="4187334" y="2198379"/>
                <a:ext cx="50993" cy="148820"/>
              </a:xfrm>
              <a:custGeom>
                <a:avLst/>
                <a:gdLst/>
                <a:ahLst/>
                <a:cxnLst/>
                <a:rect l="l" t="t" r="r" b="b"/>
                <a:pathLst>
                  <a:path w="2954" h="8621" extrusionOk="0">
                    <a:moveTo>
                      <a:pt x="1" y="1"/>
                    </a:moveTo>
                    <a:lnTo>
                      <a:pt x="1" y="8621"/>
                    </a:lnTo>
                    <a:lnTo>
                      <a:pt x="1108" y="8621"/>
                    </a:lnTo>
                    <a:cubicBezTo>
                      <a:pt x="1692" y="8621"/>
                      <a:pt x="2156" y="8144"/>
                      <a:pt x="2156" y="7573"/>
                    </a:cubicBezTo>
                    <a:lnTo>
                      <a:pt x="2156" y="5537"/>
                    </a:lnTo>
                    <a:lnTo>
                      <a:pt x="2454" y="5537"/>
                    </a:lnTo>
                    <a:cubicBezTo>
                      <a:pt x="2727" y="5537"/>
                      <a:pt x="2954" y="5311"/>
                      <a:pt x="2954" y="5037"/>
                    </a:cubicBezTo>
                    <a:lnTo>
                      <a:pt x="2954" y="3584"/>
                    </a:lnTo>
                    <a:cubicBezTo>
                      <a:pt x="2954" y="3299"/>
                      <a:pt x="2727" y="3084"/>
                      <a:pt x="2454" y="3084"/>
                    </a:cubicBezTo>
                    <a:lnTo>
                      <a:pt x="2156" y="3084"/>
                    </a:lnTo>
                    <a:lnTo>
                      <a:pt x="2156" y="1036"/>
                    </a:lnTo>
                    <a:cubicBezTo>
                      <a:pt x="2156" y="465"/>
                      <a:pt x="1692" y="1"/>
                      <a:pt x="1108" y="1"/>
                    </a:cubicBezTo>
                    <a:close/>
                  </a:path>
                </a:pathLst>
              </a:custGeom>
              <a:solidFill>
                <a:srgbClr val="EC3A3B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24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30" name="Google Shape;563;p10">
                <a:extLst>
                  <a:ext uri="{FF2B5EF4-FFF2-40B4-BE49-F238E27FC236}">
                    <a16:creationId xmlns:a16="http://schemas.microsoft.com/office/drawing/2014/main" id="{0B0B3F3D-B874-2B06-721E-9B81C0051684}"/>
                  </a:ext>
                </a:extLst>
              </p:cNvPr>
              <p:cNvSpPr/>
              <p:nvPr/>
            </p:nvSpPr>
            <p:spPr>
              <a:xfrm>
                <a:off x="3891558" y="2198379"/>
                <a:ext cx="50993" cy="148820"/>
              </a:xfrm>
              <a:custGeom>
                <a:avLst/>
                <a:gdLst/>
                <a:ahLst/>
                <a:cxnLst/>
                <a:rect l="l" t="t" r="r" b="b"/>
                <a:pathLst>
                  <a:path w="2954" h="8621" extrusionOk="0">
                    <a:moveTo>
                      <a:pt x="1846" y="1"/>
                    </a:moveTo>
                    <a:cubicBezTo>
                      <a:pt x="1263" y="1"/>
                      <a:pt x="799" y="465"/>
                      <a:pt x="799" y="1036"/>
                    </a:cubicBezTo>
                    <a:lnTo>
                      <a:pt x="799" y="3084"/>
                    </a:lnTo>
                    <a:lnTo>
                      <a:pt x="501" y="3084"/>
                    </a:lnTo>
                    <a:cubicBezTo>
                      <a:pt x="215" y="3084"/>
                      <a:pt x="1" y="3299"/>
                      <a:pt x="1" y="3584"/>
                    </a:cubicBezTo>
                    <a:lnTo>
                      <a:pt x="1" y="5037"/>
                    </a:lnTo>
                    <a:cubicBezTo>
                      <a:pt x="1" y="5311"/>
                      <a:pt x="215" y="5537"/>
                      <a:pt x="501" y="5537"/>
                    </a:cubicBezTo>
                    <a:lnTo>
                      <a:pt x="799" y="5537"/>
                    </a:lnTo>
                    <a:lnTo>
                      <a:pt x="799" y="7573"/>
                    </a:lnTo>
                    <a:cubicBezTo>
                      <a:pt x="799" y="8144"/>
                      <a:pt x="1263" y="8621"/>
                      <a:pt x="1846" y="8621"/>
                    </a:cubicBezTo>
                    <a:lnTo>
                      <a:pt x="2954" y="8621"/>
                    </a:lnTo>
                    <a:lnTo>
                      <a:pt x="2954" y="1"/>
                    </a:lnTo>
                    <a:close/>
                  </a:path>
                </a:pathLst>
              </a:custGeom>
              <a:solidFill>
                <a:srgbClr val="EC3A3B"/>
              </a:solidFill>
              <a:ln>
                <a:noFill/>
              </a:ln>
            </p:spPr>
            <p:txBody>
              <a:bodyPr spcFirstLastPara="1" wrap="square" lIns="121900" tIns="121900" rIns="121900" bIns="121900" anchor="ctr" anchorCtr="0">
                <a:noAutofit/>
              </a:bodyPr>
              <a:lstStyle/>
              <a:p>
                <a:pPr marL="0" marR="0" lvl="0" indent="0" algn="l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24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25100875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1DBBD4-620D-8E56-D53B-31B38304EDA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48B169B-2850-9CC8-9F33-1C5501D16BD6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613F56-FD6D-5831-552E-F4AF0AABAA3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nalysis – 4W1H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F7076416-7623-0980-E438-26D7B8B56AE0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Why: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To provide emergency responders with immediate, reliable situational awareness to make informed decisions quickly, improving response times and reducing risks to human life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What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 A multi-functional drone equipped with advanced sensors, high-resolution cameras, and reliable communication systems to support emergency services in disaster-affected are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Where: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Can be deployed in various scenarios, including urban disaster sites, remote natural disaster areas, and hazardous environments where human access is limited or dangerous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When: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 During natural disasters (e.g., earthquakes, floods, wildfires), man-made incidents (e.g., industrial accidents, terrorist attacks), and in search and rescue operation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How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By leveraging state-of-the-art UAV technology, integrating high-resolution cameras, and ensuring robust, real-time communication to transmit critical data to emergency control </a:t>
            </a:r>
            <a:r>
              <a:rPr lang="en-GB" dirty="0" err="1">
                <a:latin typeface="Verdana" panose="020B0604030504040204" pitchFamily="34" charset="0"/>
                <a:ea typeface="Verdana" panose="020B0604030504040204" pitchFamily="34" charset="0"/>
              </a:rPr>
              <a:t>centers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1580591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8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1000124" y="202393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452283" y="788096"/>
            <a:ext cx="10841603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u="sng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 &amp; Behaviour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7125878-5569-4839-A8C7-0933B5F7B5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8711" y="953410"/>
            <a:ext cx="10288745" cy="567231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982B0BB-5E71-4F7C-B1C3-D1EAD536E235}"/>
              </a:ext>
            </a:extLst>
          </p:cNvPr>
          <p:cNvSpPr txBox="1"/>
          <p:nvPr/>
        </p:nvSpPr>
        <p:spPr>
          <a:xfrm>
            <a:off x="960783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3dr Radio </a:t>
            </a:r>
            <a:r>
              <a:rPr lang="en-US" sz="1050" dirty="0"/>
              <a:t>Telemetry</a:t>
            </a:r>
            <a:endParaRPr lang="en-IN" sz="10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5B24795-ACF8-493F-9B94-6A0589A80BB1}"/>
              </a:ext>
            </a:extLst>
          </p:cNvPr>
          <p:cNvSpPr txBox="1"/>
          <p:nvPr/>
        </p:nvSpPr>
        <p:spPr>
          <a:xfrm>
            <a:off x="3511826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Drone FPV Camera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3468A7-BD9F-4DD6-95C9-3B1D6F50D6F2}"/>
              </a:ext>
            </a:extLst>
          </p:cNvPr>
          <p:cNvSpPr txBox="1"/>
          <p:nvPr/>
        </p:nvSpPr>
        <p:spPr>
          <a:xfrm>
            <a:off x="5973417" y="5731565"/>
            <a:ext cx="1447800" cy="646331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900" dirty="0"/>
              <a:t>Neo – 7M GPS</a:t>
            </a:r>
            <a:br>
              <a:rPr lang="en-IN" sz="900" dirty="0"/>
            </a:br>
            <a:r>
              <a:rPr lang="en-IN" sz="900" dirty="0"/>
              <a:t>Accelerometers</a:t>
            </a:r>
          </a:p>
          <a:p>
            <a:r>
              <a:rPr lang="en-IN" sz="900" dirty="0"/>
              <a:t>Gyroscopes</a:t>
            </a:r>
          </a:p>
          <a:p>
            <a:r>
              <a:rPr lang="en-IN" sz="900" dirty="0"/>
              <a:t>Compas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B1A90A8-7A3A-47FE-BFA9-EFCD82BDE64E}"/>
              </a:ext>
            </a:extLst>
          </p:cNvPr>
          <p:cNvSpPr txBox="1"/>
          <p:nvPr/>
        </p:nvSpPr>
        <p:spPr>
          <a:xfrm>
            <a:off x="3509794" y="28818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0F7BA56-729F-4727-B78F-1CE1E0D05719}"/>
              </a:ext>
            </a:extLst>
          </p:cNvPr>
          <p:cNvSpPr txBox="1"/>
          <p:nvPr/>
        </p:nvSpPr>
        <p:spPr>
          <a:xfrm>
            <a:off x="6569709" y="2285297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</p:spTree>
    <p:extLst>
      <p:ext uri="{BB962C8B-B14F-4D97-AF65-F5344CB8AC3E}">
        <p14:creationId xmlns:p14="http://schemas.microsoft.com/office/powerpoint/2010/main" val="186946062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9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Use Case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b="1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1: Urban Disaster Site Monitoring:</a:t>
            </a:r>
            <a:r>
              <a:rPr lang="en-GB" dirty="0"/>
              <a:t> The drone flies over a collapsed building, providing real-time images and thermal scans to locate trapped victim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2: Remote Area Surveillance:</a:t>
            </a:r>
            <a:r>
              <a:rPr lang="en-GB" dirty="0"/>
              <a:t> In a wildfire scenario, the drone captures high-resolution footage to map fire spread and help direct firefighting effort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3: Hazardous Environment Assessment:</a:t>
            </a:r>
            <a:r>
              <a:rPr lang="en-GB" dirty="0"/>
              <a:t> The drone assesses a chemical spill site, providing situational awareness without exposing responders to toxic condition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st Cases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Verify the effectiveness of autonomous navigation in different terrain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Test the range and reliability of real-time data transmission under various network condition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Evaluate the drone’s durability and performance in harsh environmental conditions (e.g., rain, wind)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954280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22T00:00:00.0000000"/>
  <p:tag name="OTLENDDATE" val="2024-09-29T23:59:00.0000000"/>
  <p:tag name="OTLDURATIONFORMAT" val="day"/>
  <p:tag name="OTLSPACING" val="3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925</TotalTime>
  <Words>1069</Words>
  <Application>Microsoft Office PowerPoint</Application>
  <PresentationFormat>Widescreen</PresentationFormat>
  <Paragraphs>239</Paragraphs>
  <Slides>15</Slides>
  <Notes>4</Notes>
  <HiddenSlides>5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9" baseType="lpstr">
      <vt:lpstr>Arial</vt:lpstr>
      <vt:lpstr>Verdana</vt:lpstr>
      <vt:lpstr>Fira Sans Extra Condensed Medium</vt:lpstr>
      <vt:lpstr>Montserrat</vt:lpstr>
      <vt:lpstr>Montserrat Medium</vt:lpstr>
      <vt:lpstr>Merriweather Sans</vt:lpstr>
      <vt:lpstr>Roboto</vt:lpstr>
      <vt:lpstr>Relative Book</vt:lpstr>
      <vt:lpstr>Open Sans</vt:lpstr>
      <vt:lpstr>Times New Roman</vt:lpstr>
      <vt:lpstr>FSBrabo</vt:lpstr>
      <vt:lpstr>ElsevierSans</vt:lpstr>
      <vt:lpstr>Calibr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isswaria Zacharias</dc:creator>
  <cp:lastModifiedBy>Jagannath Sagar</cp:lastModifiedBy>
  <cp:revision>22</cp:revision>
  <cp:lastPrinted>2024-10-18T05:06:38Z</cp:lastPrinted>
  <dcterms:created xsi:type="dcterms:W3CDTF">2021-01-07T12:40:50Z</dcterms:created>
  <dcterms:modified xsi:type="dcterms:W3CDTF">2024-10-18T05:13:48Z</dcterms:modified>
</cp:coreProperties>
</file>